
<file path=[Content_Types].xml><?xml version="1.0" encoding="utf-8"?>
<Types xmlns="http://schemas.openxmlformats.org/package/2006/content-types">
  <Default Extension="bin" ContentType="application/vnd.openxmlformats-officedocument.oleObject"/>
  <Default Extension="jpeg" ContentType="image/jpeg"/>
  <Default Extension="png" ContentType="image/png"/>
  <Default Extension="rels" ContentType="application/vnd.openxmlformats-package.relationships+xml"/>
  <Default Extension="svg" ContentType="image/svg+xml"/>
  <Default Extension="tiff" ContentType="image/tif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theme/themeOverride2.xml" ContentType="application/vnd.openxmlformats-officedocument.themeOverr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theme/themeOverride3.xml" ContentType="application/vnd.openxmlformats-officedocument.themeOverride+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theme/themeOverride4.xml" ContentType="application/vnd.openxmlformats-officedocument.themeOverrid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notesSlides/notesSlide4.xml" ContentType="application/vnd.openxmlformats-officedocument.presentationml.notesSlide+xml"/>
  <Override PartName="/ppt/tags/tag16.xml" ContentType="application/vnd.openxmlformats-officedocument.presentationml.tags+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theme/themeOverride5.xml" ContentType="application/vnd.openxmlformats-officedocument.themeOverride+xml"/>
  <Override PartName="/ppt/charts/chart10.xml" ContentType="application/vnd.openxmlformats-officedocument.drawingml.chart+xml"/>
  <Override PartName="/ppt/charts/style10.xml" ContentType="application/vnd.ms-office.chartstyle+xml"/>
  <Override PartName="/ppt/charts/colors10.xml" ContentType="application/vnd.ms-office.chartcolorstyle+xml"/>
  <Override PartName="/ppt/theme/themeOverride6.xml" ContentType="application/vnd.openxmlformats-officedocument.themeOverride+xml"/>
  <Override PartName="/ppt/tags/tag17.xml" ContentType="application/vnd.openxmlformats-officedocument.presentationml.tags+xml"/>
  <Override PartName="/ppt/tags/tag18.xml" ContentType="application/vnd.openxmlformats-officedocument.presentationml.tags+xml"/>
  <Override PartName="/ppt/charts/chart11.xml" ContentType="application/vnd.openxmlformats-officedocument.drawingml.chart+xml"/>
  <Override PartName="/ppt/charts/style11.xml" ContentType="application/vnd.ms-office.chartstyle+xml"/>
  <Override PartName="/ppt/charts/colors11.xml" ContentType="application/vnd.ms-office.chartcolorstyle+xml"/>
  <Override PartName="/ppt/theme/themeOverride7.xml" ContentType="application/vnd.openxmlformats-officedocument.themeOverride+xml"/>
  <Override PartName="/ppt/charts/chart12.xml" ContentType="application/vnd.openxmlformats-officedocument.drawingml.chart+xml"/>
  <Override PartName="/ppt/charts/chart13.xml" ContentType="application/vnd.openxmlformats-officedocument.drawingml.chart+xml"/>
  <Override PartName="/ppt/charts/style12.xml" ContentType="application/vnd.ms-office.chartstyle+xml"/>
  <Override PartName="/ppt/charts/colors12.xml" ContentType="application/vnd.ms-office.chartcolorstyl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53" r:id="rId30"/>
  </p:sldMasterIdLst>
  <p:notesMasterIdLst>
    <p:notesMasterId r:id="rId62"/>
  </p:notesMasterIdLst>
  <p:sldIdLst>
    <p:sldId id="268" r:id="rId31"/>
    <p:sldId id="1732" r:id="rId32"/>
    <p:sldId id="1746" r:id="rId33"/>
    <p:sldId id="1426" r:id="rId34"/>
    <p:sldId id="256" r:id="rId35"/>
    <p:sldId id="1730" r:id="rId36"/>
    <p:sldId id="275" r:id="rId37"/>
    <p:sldId id="1710" r:id="rId38"/>
    <p:sldId id="1734" r:id="rId39"/>
    <p:sldId id="1738" r:id="rId40"/>
    <p:sldId id="271" r:id="rId41"/>
    <p:sldId id="1735" r:id="rId42"/>
    <p:sldId id="1739" r:id="rId43"/>
    <p:sldId id="1740" r:id="rId44"/>
    <p:sldId id="1736" r:id="rId45"/>
    <p:sldId id="1741" r:id="rId46"/>
    <p:sldId id="1737" r:id="rId47"/>
    <p:sldId id="272" r:id="rId48"/>
    <p:sldId id="1445" r:id="rId49"/>
    <p:sldId id="287" r:id="rId50"/>
    <p:sldId id="273" r:id="rId51"/>
    <p:sldId id="1681" r:id="rId52"/>
    <p:sldId id="1682" r:id="rId53"/>
    <p:sldId id="1690" r:id="rId54"/>
    <p:sldId id="274" r:id="rId55"/>
    <p:sldId id="1636" r:id="rId56"/>
    <p:sldId id="1713" r:id="rId57"/>
    <p:sldId id="1714" r:id="rId58"/>
    <p:sldId id="1744" r:id="rId59"/>
    <p:sldId id="266" r:id="rId60"/>
    <p:sldId id="267" r:id="rId61"/>
  </p:sldIdLst>
  <p:sldSz cx="12192000" cy="6858000"/>
  <p:notesSz cx="7315200" cy="12344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4" userDrawn="1">
          <p15:clr>
            <a:srgbClr val="A4A3A4"/>
          </p15:clr>
        </p15:guide>
        <p15:guide id="3" orient="horz" pos="2160" userDrawn="1">
          <p15:clr>
            <a:srgbClr val="A4A3A4"/>
          </p15:clr>
        </p15:guide>
        <p15:guide id="4" pos="7488" userDrawn="1">
          <p15:clr>
            <a:srgbClr val="A4A3A4"/>
          </p15:clr>
        </p15:guide>
        <p15:guide id="5" orient="horz" pos="4104" userDrawn="1">
          <p15:clr>
            <a:srgbClr val="F26B43"/>
          </p15:clr>
        </p15:guide>
        <p15:guide id="6" pos="3840"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FBDDFE8A-BA7D-F9F6-7DF1-D10F822E2BB9}" name="Brandon Stitzel" initials="BS" userId="S::bstitzel@chathamfinancial.com::ae272b56-df5a-424d-bfbe-e53bd0386f38" providerId="AD"/>
  <p188:author id="{1CEC8AE7-8DE8-7D8C-FCF0-E57D63749384}" name="Sandy Howe" initials="SH" userId="S::showe@chathamfinancial.com::4596899b-9dca-43e2-b9d3-b7e84868ca9b"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CB5E6"/>
    <a:srgbClr val="DDEBF7"/>
    <a:srgbClr val="A8AFB5"/>
    <a:srgbClr val="6094AC"/>
    <a:srgbClr val="E3E3E3"/>
    <a:srgbClr val="F1F1F1"/>
    <a:srgbClr val="4891DC"/>
    <a:srgbClr val="3E3E3E"/>
    <a:srgbClr val="FF00FF"/>
    <a:srgbClr val="B6D3F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AB4598D-2965-4A1D-B0D4-9D423C826EEF}" v="3963" dt="2022-05-09T13:45:23.171"/>
    <p1510:client id="{A200226F-C067-16A0-3041-1F847F8CBA88}" v="5" dt="2022-05-09T13:44:26.512"/>
    <p1510:client id="{C49705D1-E5B2-464A-AAAA-ADC425224757}" v="1069" dt="2022-05-06T16:07:06.07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03" d="100"/>
          <a:sy n="103" d="100"/>
        </p:scale>
        <p:origin x="114" y="474"/>
      </p:cViewPr>
      <p:guideLst>
        <p:guide orient="horz" pos="144"/>
        <p:guide orient="horz" pos="2160"/>
        <p:guide pos="7488"/>
        <p:guide orient="horz" pos="4104"/>
        <p:guide pos="3840"/>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34" Type="http://schemas.openxmlformats.org/officeDocument/2006/relationships/slide" Target="slides/slide4.xml"/><Relationship Id="rId42" Type="http://schemas.openxmlformats.org/officeDocument/2006/relationships/slide" Target="slides/slide12.xml"/><Relationship Id="rId47" Type="http://schemas.openxmlformats.org/officeDocument/2006/relationships/slide" Target="slides/slide17.xml"/><Relationship Id="rId50" Type="http://schemas.openxmlformats.org/officeDocument/2006/relationships/slide" Target="slides/slide20.xml"/><Relationship Id="rId55" Type="http://schemas.openxmlformats.org/officeDocument/2006/relationships/slide" Target="slides/slide25.xml"/><Relationship Id="rId63" Type="http://schemas.openxmlformats.org/officeDocument/2006/relationships/presProps" Target="presProps.xml"/><Relationship Id="rId68" Type="http://schemas.microsoft.com/office/2018/10/relationships/authors" Target="author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2.xml"/><Relationship Id="rId37" Type="http://schemas.openxmlformats.org/officeDocument/2006/relationships/slide" Target="slides/slide7.xml"/><Relationship Id="rId40" Type="http://schemas.openxmlformats.org/officeDocument/2006/relationships/slide" Target="slides/slide10.xml"/><Relationship Id="rId45" Type="http://schemas.openxmlformats.org/officeDocument/2006/relationships/slide" Target="slides/slide15.xml"/><Relationship Id="rId53" Type="http://schemas.openxmlformats.org/officeDocument/2006/relationships/slide" Target="slides/slide23.xml"/><Relationship Id="rId58" Type="http://schemas.openxmlformats.org/officeDocument/2006/relationships/slide" Target="slides/slide28.xml"/><Relationship Id="rId66" Type="http://schemas.openxmlformats.org/officeDocument/2006/relationships/tableStyles" Target="tableStyles.xml"/><Relationship Id="rId5" Type="http://schemas.openxmlformats.org/officeDocument/2006/relationships/customXml" Target="../customXml/item5.xml"/><Relationship Id="rId61" Type="http://schemas.openxmlformats.org/officeDocument/2006/relationships/slide" Target="slides/slide31.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slideMaster" Target="slideMasters/slideMaster1.xml"/><Relationship Id="rId35" Type="http://schemas.openxmlformats.org/officeDocument/2006/relationships/slide" Target="slides/slide5.xml"/><Relationship Id="rId43" Type="http://schemas.openxmlformats.org/officeDocument/2006/relationships/slide" Target="slides/slide13.xml"/><Relationship Id="rId48" Type="http://schemas.openxmlformats.org/officeDocument/2006/relationships/slide" Target="slides/slide18.xml"/><Relationship Id="rId56" Type="http://schemas.openxmlformats.org/officeDocument/2006/relationships/slide" Target="slides/slide26.xml"/><Relationship Id="rId64" Type="http://schemas.openxmlformats.org/officeDocument/2006/relationships/viewProps" Target="viewProps.xml"/><Relationship Id="rId8" Type="http://schemas.openxmlformats.org/officeDocument/2006/relationships/customXml" Target="../customXml/item8.xml"/><Relationship Id="rId51" Type="http://schemas.openxmlformats.org/officeDocument/2006/relationships/slide" Target="slides/slide2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3.xml"/><Relationship Id="rId38" Type="http://schemas.openxmlformats.org/officeDocument/2006/relationships/slide" Target="slides/slide8.xml"/><Relationship Id="rId46" Type="http://schemas.openxmlformats.org/officeDocument/2006/relationships/slide" Target="slides/slide16.xml"/><Relationship Id="rId59" Type="http://schemas.openxmlformats.org/officeDocument/2006/relationships/slide" Target="slides/slide29.xml"/><Relationship Id="rId67" Type="http://schemas.microsoft.com/office/2015/10/relationships/revisionInfo" Target="revisionInfo.xml"/><Relationship Id="rId20" Type="http://schemas.openxmlformats.org/officeDocument/2006/relationships/customXml" Target="../customXml/item20.xml"/><Relationship Id="rId41" Type="http://schemas.openxmlformats.org/officeDocument/2006/relationships/slide" Target="slides/slide11.xml"/><Relationship Id="rId54" Type="http://schemas.openxmlformats.org/officeDocument/2006/relationships/slide" Target="slides/slide24.xml"/><Relationship Id="rId62"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6.xml"/><Relationship Id="rId49" Type="http://schemas.openxmlformats.org/officeDocument/2006/relationships/slide" Target="slides/slide19.xml"/><Relationship Id="rId57" Type="http://schemas.openxmlformats.org/officeDocument/2006/relationships/slide" Target="slides/slide27.xml"/><Relationship Id="rId10" Type="http://schemas.openxmlformats.org/officeDocument/2006/relationships/customXml" Target="../customXml/item10.xml"/><Relationship Id="rId31" Type="http://schemas.openxmlformats.org/officeDocument/2006/relationships/slide" Target="slides/slide1.xml"/><Relationship Id="rId44" Type="http://schemas.openxmlformats.org/officeDocument/2006/relationships/slide" Target="slides/slide14.xml"/><Relationship Id="rId52" Type="http://schemas.openxmlformats.org/officeDocument/2006/relationships/slide" Target="slides/slide22.xml"/><Relationship Id="rId60" Type="http://schemas.openxmlformats.org/officeDocument/2006/relationships/slide" Target="slides/slide30.xml"/><Relationship Id="rId65" Type="http://schemas.openxmlformats.org/officeDocument/2006/relationships/theme" Target="theme/theme1.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slide" Target="slides/slide9.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oleObject" Target="https://chathamfinancial1-my.sharepoint.com/personal/bstitzel_chathamfinancial_com/Documents/Coporates/Deal_Team/Useful%20files%20often%20used/FRED%20Data.xlsx" TargetMode="External"/></Relationships>
</file>

<file path=ppt/charts/_rels/chart10.xml.rels><?xml version="1.0" encoding="UTF-8" standalone="yes"?>
<Relationships xmlns="http://schemas.openxmlformats.org/package/2006/relationships"><Relationship Id="rId3" Type="http://schemas.openxmlformats.org/officeDocument/2006/relationships/themeOverride" Target="../theme/themeOverride6.xml"/><Relationship Id="rId2" Type="http://schemas.microsoft.com/office/2011/relationships/chartColorStyle" Target="colors10.xml"/><Relationship Id="rId1" Type="http://schemas.microsoft.com/office/2011/relationships/chartStyle" Target="style10.xml"/><Relationship Id="rId4" Type="http://schemas.openxmlformats.org/officeDocument/2006/relationships/oleObject" Target="file:///\\chathamfinancial.com\dfsroot\data\clientservices\corporates\Quarterly%20Updates\BI%20Source%20Files\SOFR%20vs%20LIBOR%20trade%20and%20notional%20volume.xlsx" TargetMode="External"/></Relationships>
</file>

<file path=ppt/charts/_rels/chart11.xml.rels><?xml version="1.0" encoding="UTF-8" standalone="yes"?>
<Relationships xmlns="http://schemas.openxmlformats.org/package/2006/relationships"><Relationship Id="rId3" Type="http://schemas.openxmlformats.org/officeDocument/2006/relationships/themeOverride" Target="../theme/themeOverride7.xml"/><Relationship Id="rId2" Type="http://schemas.microsoft.com/office/2011/relationships/chartColorStyle" Target="colors11.xml"/><Relationship Id="rId1" Type="http://schemas.microsoft.com/office/2011/relationships/chartStyle" Target="style11.xml"/><Relationship Id="rId4" Type="http://schemas.openxmlformats.org/officeDocument/2006/relationships/oleObject" Target="file:///\\chathamfinancial.com\dfsroot\data\clientservices\corporates\Quarterly%20Updates\BI%20Source%20Files\Historic%20Fwd%20curves.xlsx" TargetMode="External"/></Relationships>
</file>

<file path=ppt/charts/_rels/chart12.xml.rels><?xml version="1.0" encoding="UTF-8" standalone="yes"?>
<Relationships xmlns="http://schemas.openxmlformats.org/package/2006/relationships"><Relationship Id="rId1" Type="http://schemas.openxmlformats.org/officeDocument/2006/relationships/oleObject" Target="https://chathamfinancial1-my.sharepoint.com/personal/bstitzel_chathamfinancial_com/Documents/Coporates/Deal_Team/Carissa's%20Webinar/Interest%20Expense%20Scenario%20Analysis%20Template_Carissa.xlsx" TargetMode="External"/></Relationships>
</file>

<file path=ppt/charts/_rels/chart13.xml.rels><?xml version="1.0" encoding="UTF-8" standalone="yes"?>
<Relationships xmlns="http://schemas.openxmlformats.org/package/2006/relationships"><Relationship Id="rId3" Type="http://schemas.openxmlformats.org/officeDocument/2006/relationships/oleObject" Target="https://chathamfinancial1-my.sharepoint.com/personal/bstitzel_chathamfinancial_com/Documents/Coporates/Deal_Team/Carissa's%20Webinar/Interest%20Expense%20Scenario%20Analysis%20Template_Carissa.xlsx" TargetMode="External"/><Relationship Id="rId2" Type="http://schemas.microsoft.com/office/2011/relationships/chartColorStyle" Target="colors12.xml"/><Relationship Id="rId1" Type="http://schemas.microsoft.com/office/2011/relationships/chartStyle" Target="style12.xml"/></Relationships>
</file>

<file path=ppt/charts/_rels/chart2.xml.rels><?xml version="1.0" encoding="UTF-8" standalone="yes"?>
<Relationships xmlns="http://schemas.openxmlformats.org/package/2006/relationships"><Relationship Id="rId3" Type="http://schemas.openxmlformats.org/officeDocument/2006/relationships/oleObject" Target="Book2"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https://chathamfinancial1-my.sharepoint.com/personal/bstitzel_chathamfinancial_com/Documents/Coporates/Deal_Team/Carissa's%20Webinar/Historical%20Swap%20Rates.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https://chathamfinancial1-my.sharepoint.com/personal/bstitzel_chathamfinancial_com/Documents/Coporates/Deal_Team/Carissa's%20Webinar/Historical%20Swap%20Rates.xlsx" TargetMode="External"/><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themeOverride" Target="../theme/themeOverride2.xml"/><Relationship Id="rId2" Type="http://schemas.microsoft.com/office/2011/relationships/chartColorStyle" Target="colors5.xml"/><Relationship Id="rId1" Type="http://schemas.microsoft.com/office/2011/relationships/chartStyle" Target="style5.xml"/><Relationship Id="rId4" Type="http://schemas.openxmlformats.org/officeDocument/2006/relationships/oleObject" Target="../embeddings/oleObject1.bin"/></Relationships>
</file>

<file path=ppt/charts/_rels/chart6.xml.rels><?xml version="1.0" encoding="UTF-8" standalone="yes"?>
<Relationships xmlns="http://schemas.openxmlformats.org/package/2006/relationships"><Relationship Id="rId3" Type="http://schemas.openxmlformats.org/officeDocument/2006/relationships/themeOverride" Target="../theme/themeOverride3.xml"/><Relationship Id="rId2" Type="http://schemas.microsoft.com/office/2011/relationships/chartColorStyle" Target="colors6.xml"/><Relationship Id="rId1" Type="http://schemas.microsoft.com/office/2011/relationships/chartStyle" Target="style6.xml"/><Relationship Id="rId4" Type="http://schemas.openxmlformats.org/officeDocument/2006/relationships/oleObject" Target="../embeddings/oleObject2.bin"/></Relationships>
</file>

<file path=ppt/charts/_rels/chart7.xml.rels><?xml version="1.0" encoding="UTF-8" standalone="yes"?>
<Relationships xmlns="http://schemas.openxmlformats.org/package/2006/relationships"><Relationship Id="rId3" Type="http://schemas.openxmlformats.org/officeDocument/2006/relationships/themeOverride" Target="../theme/themeOverride4.xml"/><Relationship Id="rId2" Type="http://schemas.microsoft.com/office/2011/relationships/chartColorStyle" Target="colors7.xml"/><Relationship Id="rId1" Type="http://schemas.microsoft.com/office/2011/relationships/chartStyle" Target="style7.xml"/><Relationship Id="rId4" Type="http://schemas.openxmlformats.org/officeDocument/2006/relationships/oleObject" Target="file:///\\chathamfinancial.com\dfsroot\data\clientservices\corporates\Treasury%20Advisory\Resources\Conference%20Presentations\2019.06%20Client%20Summit\Copy%20of%20Payoff%20profile.xlsx" TargetMode="External"/></Relationships>
</file>

<file path=ppt/charts/_rels/chart8.xml.rels><?xml version="1.0" encoding="UTF-8" standalone="yes"?>
<Relationships xmlns="http://schemas.openxmlformats.org/package/2006/relationships"><Relationship Id="rId3" Type="http://schemas.openxmlformats.org/officeDocument/2006/relationships/oleObject" Target="file:///\\chathamfinancial.com\dfsroot\data\clientservices\corporates\Deal%20Team\Conferences%20&amp;%20Presentations\2021.09%20MAPI%20IR%20Market%20and%20LIBORSOFR%20Update\Rates%20data.xlsx" TargetMode="External"/><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themeOverride" Target="../theme/themeOverride5.xml"/><Relationship Id="rId2" Type="http://schemas.microsoft.com/office/2011/relationships/chartColorStyle" Target="colors9.xml"/><Relationship Id="rId1" Type="http://schemas.microsoft.com/office/2011/relationships/chartStyle" Target="style9.xml"/><Relationship Id="rId4" Type="http://schemas.openxmlformats.org/officeDocument/2006/relationships/oleObject" Target="file:///\\chathamfinancial.com\dfsroot\data\clientservices\corporates\Quarterly%20Updates\BI%20Source%20Files\SOFR%20vs%20LIBOR%20trade%20and%20notional%20volume.xlsx"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200" b="0" i="0" u="none" strike="noStrike" kern="1200" spc="0" baseline="0">
                <a:solidFill>
                  <a:schemeClr val="tx1">
                    <a:lumMod val="65000"/>
                    <a:lumOff val="35000"/>
                  </a:schemeClr>
                </a:solidFill>
                <a:latin typeface="+mn-lt"/>
                <a:ea typeface="+mn-ea"/>
                <a:cs typeface="+mn-cs"/>
              </a:defRPr>
            </a:pPr>
            <a:r>
              <a:rPr lang="en-US" b="1">
                <a:solidFill>
                  <a:schemeClr val="tx1"/>
                </a:solidFill>
              </a:rPr>
              <a:t>5</a:t>
            </a:r>
            <a:r>
              <a:rPr lang="en-US" b="1" baseline="0">
                <a:solidFill>
                  <a:schemeClr val="tx1"/>
                </a:solidFill>
              </a:rPr>
              <a:t>-year forward inflation expectation rate</a:t>
            </a:r>
            <a:endParaRPr lang="en-US" b="1">
              <a:solidFill>
                <a:schemeClr val="tx1"/>
              </a:solidFill>
            </a:endParaRPr>
          </a:p>
        </c:rich>
      </c:tx>
      <c:overlay val="0"/>
      <c:spPr>
        <a:noFill/>
        <a:ln>
          <a:noFill/>
        </a:ln>
        <a:effectLst/>
      </c:spPr>
      <c:txPr>
        <a:bodyPr rot="0" spcFirstLastPara="1" vertOverflow="ellipsis" vert="horz" wrap="square" anchor="ctr" anchorCtr="1"/>
        <a:lstStyle/>
        <a:p>
          <a:pPr>
            <a:defRPr sz="12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5.9439993246458225E-2"/>
          <c:y val="0.18675595238095238"/>
          <c:w val="0.91494067627511477"/>
          <c:h val="0.67622445631796024"/>
        </c:manualLayout>
      </c:layout>
      <c:lineChart>
        <c:grouping val="standard"/>
        <c:varyColors val="0"/>
        <c:ser>
          <c:idx val="0"/>
          <c:order val="0"/>
          <c:tx>
            <c:v>5 Year Breakeven Inflation Rate</c:v>
          </c:tx>
          <c:spPr>
            <a:ln w="28575" cap="rnd">
              <a:solidFill>
                <a:schemeClr val="accent1"/>
              </a:solidFill>
              <a:round/>
            </a:ln>
            <a:effectLst/>
          </c:spPr>
          <c:marker>
            <c:symbol val="none"/>
          </c:marker>
          <c:cat>
            <c:numRef>
              <c:f>T5YIE!$A$8:$A$1900</c:f>
              <c:numCache>
                <c:formatCode>mm/dd/yyyy</c:formatCode>
                <c:ptCount val="1893"/>
                <c:pt idx="0">
                  <c:v>43437</c:v>
                </c:pt>
                <c:pt idx="1">
                  <c:v>43438</c:v>
                </c:pt>
                <c:pt idx="2">
                  <c:v>43439</c:v>
                </c:pt>
                <c:pt idx="3">
                  <c:v>43440</c:v>
                </c:pt>
                <c:pt idx="4">
                  <c:v>43441</c:v>
                </c:pt>
                <c:pt idx="5">
                  <c:v>43444</c:v>
                </c:pt>
                <c:pt idx="6">
                  <c:v>43445</c:v>
                </c:pt>
                <c:pt idx="7">
                  <c:v>43446</c:v>
                </c:pt>
                <c:pt idx="8">
                  <c:v>43447</c:v>
                </c:pt>
                <c:pt idx="9">
                  <c:v>43448</c:v>
                </c:pt>
                <c:pt idx="10">
                  <c:v>43451</c:v>
                </c:pt>
                <c:pt idx="11">
                  <c:v>43452</c:v>
                </c:pt>
                <c:pt idx="12">
                  <c:v>43453</c:v>
                </c:pt>
                <c:pt idx="13">
                  <c:v>43454</c:v>
                </c:pt>
                <c:pt idx="14">
                  <c:v>43455</c:v>
                </c:pt>
                <c:pt idx="15">
                  <c:v>43458</c:v>
                </c:pt>
                <c:pt idx="16">
                  <c:v>43459</c:v>
                </c:pt>
                <c:pt idx="17">
                  <c:v>43460</c:v>
                </c:pt>
                <c:pt idx="18">
                  <c:v>43461</c:v>
                </c:pt>
                <c:pt idx="19">
                  <c:v>43462</c:v>
                </c:pt>
                <c:pt idx="20">
                  <c:v>43465</c:v>
                </c:pt>
                <c:pt idx="21">
                  <c:v>43466</c:v>
                </c:pt>
                <c:pt idx="22">
                  <c:v>43467</c:v>
                </c:pt>
                <c:pt idx="23">
                  <c:v>43468</c:v>
                </c:pt>
                <c:pt idx="24">
                  <c:v>43469</c:v>
                </c:pt>
                <c:pt idx="25">
                  <c:v>43472</c:v>
                </c:pt>
                <c:pt idx="26">
                  <c:v>43473</c:v>
                </c:pt>
                <c:pt idx="27">
                  <c:v>43474</c:v>
                </c:pt>
                <c:pt idx="28">
                  <c:v>43475</c:v>
                </c:pt>
                <c:pt idx="29">
                  <c:v>43476</c:v>
                </c:pt>
                <c:pt idx="30">
                  <c:v>43479</c:v>
                </c:pt>
                <c:pt idx="31">
                  <c:v>43480</c:v>
                </c:pt>
                <c:pt idx="32">
                  <c:v>43481</c:v>
                </c:pt>
                <c:pt idx="33">
                  <c:v>43482</c:v>
                </c:pt>
                <c:pt idx="34">
                  <c:v>43483</c:v>
                </c:pt>
                <c:pt idx="35">
                  <c:v>43486</c:v>
                </c:pt>
                <c:pt idx="36">
                  <c:v>43487</c:v>
                </c:pt>
                <c:pt idx="37">
                  <c:v>43488</c:v>
                </c:pt>
                <c:pt idx="38">
                  <c:v>43489</c:v>
                </c:pt>
                <c:pt idx="39">
                  <c:v>43490</c:v>
                </c:pt>
                <c:pt idx="40">
                  <c:v>43493</c:v>
                </c:pt>
                <c:pt idx="41">
                  <c:v>43494</c:v>
                </c:pt>
                <c:pt idx="42">
                  <c:v>43495</c:v>
                </c:pt>
                <c:pt idx="43">
                  <c:v>43496</c:v>
                </c:pt>
                <c:pt idx="44">
                  <c:v>43497</c:v>
                </c:pt>
                <c:pt idx="45">
                  <c:v>43500</c:v>
                </c:pt>
                <c:pt idx="46">
                  <c:v>43501</c:v>
                </c:pt>
                <c:pt idx="47">
                  <c:v>43502</c:v>
                </c:pt>
                <c:pt idx="48">
                  <c:v>43503</c:v>
                </c:pt>
                <c:pt idx="49">
                  <c:v>43504</c:v>
                </c:pt>
                <c:pt idx="50">
                  <c:v>43507</c:v>
                </c:pt>
                <c:pt idx="51">
                  <c:v>43508</c:v>
                </c:pt>
                <c:pt idx="52">
                  <c:v>43509</c:v>
                </c:pt>
                <c:pt idx="53">
                  <c:v>43510</c:v>
                </c:pt>
                <c:pt idx="54">
                  <c:v>43511</c:v>
                </c:pt>
                <c:pt idx="55">
                  <c:v>43514</c:v>
                </c:pt>
                <c:pt idx="56">
                  <c:v>43515</c:v>
                </c:pt>
                <c:pt idx="57">
                  <c:v>43516</c:v>
                </c:pt>
                <c:pt idx="58">
                  <c:v>43517</c:v>
                </c:pt>
                <c:pt idx="59">
                  <c:v>43518</c:v>
                </c:pt>
                <c:pt idx="60">
                  <c:v>43521</c:v>
                </c:pt>
                <c:pt idx="61">
                  <c:v>43522</c:v>
                </c:pt>
                <c:pt idx="62">
                  <c:v>43523</c:v>
                </c:pt>
                <c:pt idx="63">
                  <c:v>43524</c:v>
                </c:pt>
                <c:pt idx="64">
                  <c:v>43525</c:v>
                </c:pt>
                <c:pt idx="65">
                  <c:v>43528</c:v>
                </c:pt>
                <c:pt idx="66">
                  <c:v>43529</c:v>
                </c:pt>
                <c:pt idx="67">
                  <c:v>43530</c:v>
                </c:pt>
                <c:pt idx="68">
                  <c:v>43531</c:v>
                </c:pt>
                <c:pt idx="69">
                  <c:v>43532</c:v>
                </c:pt>
                <c:pt idx="70">
                  <c:v>43535</c:v>
                </c:pt>
                <c:pt idx="71">
                  <c:v>43536</c:v>
                </c:pt>
                <c:pt idx="72">
                  <c:v>43537</c:v>
                </c:pt>
                <c:pt idx="73">
                  <c:v>43538</c:v>
                </c:pt>
                <c:pt idx="74">
                  <c:v>43539</c:v>
                </c:pt>
                <c:pt idx="75">
                  <c:v>43542</c:v>
                </c:pt>
                <c:pt idx="76">
                  <c:v>43543</c:v>
                </c:pt>
                <c:pt idx="77">
                  <c:v>43544</c:v>
                </c:pt>
                <c:pt idx="78">
                  <c:v>43545</c:v>
                </c:pt>
                <c:pt idx="79">
                  <c:v>43546</c:v>
                </c:pt>
                <c:pt idx="80">
                  <c:v>43549</c:v>
                </c:pt>
                <c:pt idx="81">
                  <c:v>43550</c:v>
                </c:pt>
                <c:pt idx="82">
                  <c:v>43551</c:v>
                </c:pt>
                <c:pt idx="83">
                  <c:v>43552</c:v>
                </c:pt>
                <c:pt idx="84">
                  <c:v>43553</c:v>
                </c:pt>
                <c:pt idx="85">
                  <c:v>43556</c:v>
                </c:pt>
                <c:pt idx="86">
                  <c:v>43557</c:v>
                </c:pt>
                <c:pt idx="87">
                  <c:v>43558</c:v>
                </c:pt>
                <c:pt idx="88">
                  <c:v>43559</c:v>
                </c:pt>
                <c:pt idx="89">
                  <c:v>43560</c:v>
                </c:pt>
                <c:pt idx="90">
                  <c:v>43563</c:v>
                </c:pt>
                <c:pt idx="91">
                  <c:v>43564</c:v>
                </c:pt>
                <c:pt idx="92">
                  <c:v>43565</c:v>
                </c:pt>
                <c:pt idx="93">
                  <c:v>43566</c:v>
                </c:pt>
                <c:pt idx="94">
                  <c:v>43567</c:v>
                </c:pt>
                <c:pt idx="95">
                  <c:v>43570</c:v>
                </c:pt>
                <c:pt idx="96">
                  <c:v>43571</c:v>
                </c:pt>
                <c:pt idx="97">
                  <c:v>43572</c:v>
                </c:pt>
                <c:pt idx="98">
                  <c:v>43573</c:v>
                </c:pt>
                <c:pt idx="99">
                  <c:v>43574</c:v>
                </c:pt>
                <c:pt idx="100">
                  <c:v>43577</c:v>
                </c:pt>
                <c:pt idx="101">
                  <c:v>43578</c:v>
                </c:pt>
                <c:pt idx="102">
                  <c:v>43579</c:v>
                </c:pt>
                <c:pt idx="103">
                  <c:v>43580</c:v>
                </c:pt>
                <c:pt idx="104">
                  <c:v>43581</c:v>
                </c:pt>
                <c:pt idx="105">
                  <c:v>43584</c:v>
                </c:pt>
                <c:pt idx="106">
                  <c:v>43585</c:v>
                </c:pt>
                <c:pt idx="107">
                  <c:v>43586</c:v>
                </c:pt>
                <c:pt idx="108">
                  <c:v>43587</c:v>
                </c:pt>
                <c:pt idx="109">
                  <c:v>43588</c:v>
                </c:pt>
                <c:pt idx="110">
                  <c:v>43591</c:v>
                </c:pt>
                <c:pt idx="111">
                  <c:v>43592</c:v>
                </c:pt>
                <c:pt idx="112">
                  <c:v>43593</c:v>
                </c:pt>
                <c:pt idx="113">
                  <c:v>43594</c:v>
                </c:pt>
                <c:pt idx="114">
                  <c:v>43595</c:v>
                </c:pt>
                <c:pt idx="115">
                  <c:v>43598</c:v>
                </c:pt>
                <c:pt idx="116">
                  <c:v>43599</c:v>
                </c:pt>
                <c:pt idx="117">
                  <c:v>43600</c:v>
                </c:pt>
                <c:pt idx="118">
                  <c:v>43601</c:v>
                </c:pt>
                <c:pt idx="119">
                  <c:v>43602</c:v>
                </c:pt>
                <c:pt idx="120">
                  <c:v>43605</c:v>
                </c:pt>
                <c:pt idx="121">
                  <c:v>43606</c:v>
                </c:pt>
                <c:pt idx="122">
                  <c:v>43607</c:v>
                </c:pt>
                <c:pt idx="123">
                  <c:v>43608</c:v>
                </c:pt>
                <c:pt idx="124">
                  <c:v>43609</c:v>
                </c:pt>
                <c:pt idx="125">
                  <c:v>43612</c:v>
                </c:pt>
                <c:pt idx="126">
                  <c:v>43613</c:v>
                </c:pt>
                <c:pt idx="127">
                  <c:v>43614</c:v>
                </c:pt>
                <c:pt idx="128">
                  <c:v>43615</c:v>
                </c:pt>
                <c:pt idx="129">
                  <c:v>43616</c:v>
                </c:pt>
                <c:pt idx="130">
                  <c:v>43619</c:v>
                </c:pt>
                <c:pt idx="131">
                  <c:v>43620</c:v>
                </c:pt>
                <c:pt idx="132">
                  <c:v>43621</c:v>
                </c:pt>
                <c:pt idx="133">
                  <c:v>43622</c:v>
                </c:pt>
                <c:pt idx="134">
                  <c:v>43623</c:v>
                </c:pt>
                <c:pt idx="135">
                  <c:v>43626</c:v>
                </c:pt>
                <c:pt idx="136">
                  <c:v>43627</c:v>
                </c:pt>
                <c:pt idx="137">
                  <c:v>43628</c:v>
                </c:pt>
                <c:pt idx="138">
                  <c:v>43629</c:v>
                </c:pt>
                <c:pt idx="139">
                  <c:v>43630</c:v>
                </c:pt>
                <c:pt idx="140">
                  <c:v>43633</c:v>
                </c:pt>
                <c:pt idx="141">
                  <c:v>43634</c:v>
                </c:pt>
                <c:pt idx="142">
                  <c:v>43635</c:v>
                </c:pt>
                <c:pt idx="143">
                  <c:v>43636</c:v>
                </c:pt>
                <c:pt idx="144">
                  <c:v>43637</c:v>
                </c:pt>
                <c:pt idx="145">
                  <c:v>43640</c:v>
                </c:pt>
                <c:pt idx="146">
                  <c:v>43641</c:v>
                </c:pt>
                <c:pt idx="147">
                  <c:v>43642</c:v>
                </c:pt>
                <c:pt idx="148">
                  <c:v>43643</c:v>
                </c:pt>
                <c:pt idx="149">
                  <c:v>43644</c:v>
                </c:pt>
                <c:pt idx="150">
                  <c:v>43647</c:v>
                </c:pt>
                <c:pt idx="151">
                  <c:v>43648</c:v>
                </c:pt>
                <c:pt idx="152">
                  <c:v>43649</c:v>
                </c:pt>
                <c:pt idx="153">
                  <c:v>43650</c:v>
                </c:pt>
                <c:pt idx="154">
                  <c:v>43651</c:v>
                </c:pt>
                <c:pt idx="155">
                  <c:v>43654</c:v>
                </c:pt>
                <c:pt idx="156">
                  <c:v>43655</c:v>
                </c:pt>
                <c:pt idx="157">
                  <c:v>43656</c:v>
                </c:pt>
                <c:pt idx="158">
                  <c:v>43657</c:v>
                </c:pt>
                <c:pt idx="159">
                  <c:v>43658</c:v>
                </c:pt>
                <c:pt idx="160">
                  <c:v>43661</c:v>
                </c:pt>
                <c:pt idx="161">
                  <c:v>43662</c:v>
                </c:pt>
                <c:pt idx="162">
                  <c:v>43663</c:v>
                </c:pt>
                <c:pt idx="163">
                  <c:v>43664</c:v>
                </c:pt>
                <c:pt idx="164">
                  <c:v>43665</c:v>
                </c:pt>
                <c:pt idx="165">
                  <c:v>43668</c:v>
                </c:pt>
                <c:pt idx="166">
                  <c:v>43669</c:v>
                </c:pt>
                <c:pt idx="167">
                  <c:v>43670</c:v>
                </c:pt>
                <c:pt idx="168">
                  <c:v>43671</c:v>
                </c:pt>
                <c:pt idx="169">
                  <c:v>43672</c:v>
                </c:pt>
                <c:pt idx="170">
                  <c:v>43675</c:v>
                </c:pt>
                <c:pt idx="171">
                  <c:v>43676</c:v>
                </c:pt>
                <c:pt idx="172">
                  <c:v>43677</c:v>
                </c:pt>
                <c:pt idx="173">
                  <c:v>43678</c:v>
                </c:pt>
                <c:pt idx="174">
                  <c:v>43679</c:v>
                </c:pt>
                <c:pt idx="175">
                  <c:v>43682</c:v>
                </c:pt>
                <c:pt idx="176">
                  <c:v>43683</c:v>
                </c:pt>
                <c:pt idx="177">
                  <c:v>43684</c:v>
                </c:pt>
                <c:pt idx="178">
                  <c:v>43685</c:v>
                </c:pt>
                <c:pt idx="179">
                  <c:v>43686</c:v>
                </c:pt>
                <c:pt idx="180">
                  <c:v>43689</c:v>
                </c:pt>
                <c:pt idx="181">
                  <c:v>43690</c:v>
                </c:pt>
                <c:pt idx="182">
                  <c:v>43691</c:v>
                </c:pt>
                <c:pt idx="183">
                  <c:v>43692</c:v>
                </c:pt>
                <c:pt idx="184">
                  <c:v>43693</c:v>
                </c:pt>
                <c:pt idx="185">
                  <c:v>43696</c:v>
                </c:pt>
                <c:pt idx="186">
                  <c:v>43697</c:v>
                </c:pt>
                <c:pt idx="187">
                  <c:v>43698</c:v>
                </c:pt>
                <c:pt idx="188">
                  <c:v>43699</c:v>
                </c:pt>
                <c:pt idx="189">
                  <c:v>43700</c:v>
                </c:pt>
                <c:pt idx="190">
                  <c:v>43703</c:v>
                </c:pt>
                <c:pt idx="191">
                  <c:v>43704</c:v>
                </c:pt>
                <c:pt idx="192">
                  <c:v>43705</c:v>
                </c:pt>
                <c:pt idx="193">
                  <c:v>43706</c:v>
                </c:pt>
                <c:pt idx="194">
                  <c:v>43707</c:v>
                </c:pt>
                <c:pt idx="195">
                  <c:v>43710</c:v>
                </c:pt>
                <c:pt idx="196">
                  <c:v>43711</c:v>
                </c:pt>
                <c:pt idx="197">
                  <c:v>43712</c:v>
                </c:pt>
                <c:pt idx="198">
                  <c:v>43713</c:v>
                </c:pt>
                <c:pt idx="199">
                  <c:v>43714</c:v>
                </c:pt>
                <c:pt idx="200">
                  <c:v>43717</c:v>
                </c:pt>
                <c:pt idx="201">
                  <c:v>43718</c:v>
                </c:pt>
                <c:pt idx="202">
                  <c:v>43719</c:v>
                </c:pt>
                <c:pt idx="203">
                  <c:v>43720</c:v>
                </c:pt>
                <c:pt idx="204">
                  <c:v>43721</c:v>
                </c:pt>
                <c:pt idx="205">
                  <c:v>43724</c:v>
                </c:pt>
                <c:pt idx="206">
                  <c:v>43725</c:v>
                </c:pt>
                <c:pt idx="207">
                  <c:v>43726</c:v>
                </c:pt>
                <c:pt idx="208">
                  <c:v>43727</c:v>
                </c:pt>
                <c:pt idx="209">
                  <c:v>43728</c:v>
                </c:pt>
                <c:pt idx="210">
                  <c:v>43731</c:v>
                </c:pt>
                <c:pt idx="211">
                  <c:v>43732</c:v>
                </c:pt>
                <c:pt idx="212">
                  <c:v>43733</c:v>
                </c:pt>
                <c:pt idx="213">
                  <c:v>43734</c:v>
                </c:pt>
                <c:pt idx="214">
                  <c:v>43735</c:v>
                </c:pt>
                <c:pt idx="215">
                  <c:v>43738</c:v>
                </c:pt>
                <c:pt idx="216">
                  <c:v>43739</c:v>
                </c:pt>
                <c:pt idx="217">
                  <c:v>43740</c:v>
                </c:pt>
                <c:pt idx="218">
                  <c:v>43741</c:v>
                </c:pt>
                <c:pt idx="219">
                  <c:v>43742</c:v>
                </c:pt>
                <c:pt idx="220">
                  <c:v>43745</c:v>
                </c:pt>
                <c:pt idx="221">
                  <c:v>43746</c:v>
                </c:pt>
                <c:pt idx="222">
                  <c:v>43747</c:v>
                </c:pt>
                <c:pt idx="223">
                  <c:v>43748</c:v>
                </c:pt>
                <c:pt idx="224">
                  <c:v>43749</c:v>
                </c:pt>
                <c:pt idx="225">
                  <c:v>43752</c:v>
                </c:pt>
                <c:pt idx="226">
                  <c:v>43753</c:v>
                </c:pt>
                <c:pt idx="227">
                  <c:v>43754</c:v>
                </c:pt>
                <c:pt idx="228">
                  <c:v>43755</c:v>
                </c:pt>
                <c:pt idx="229">
                  <c:v>43756</c:v>
                </c:pt>
                <c:pt idx="230">
                  <c:v>43759</c:v>
                </c:pt>
                <c:pt idx="231">
                  <c:v>43760</c:v>
                </c:pt>
                <c:pt idx="232">
                  <c:v>43761</c:v>
                </c:pt>
                <c:pt idx="233">
                  <c:v>43762</c:v>
                </c:pt>
                <c:pt idx="234">
                  <c:v>43763</c:v>
                </c:pt>
                <c:pt idx="235">
                  <c:v>43766</c:v>
                </c:pt>
                <c:pt idx="236">
                  <c:v>43767</c:v>
                </c:pt>
                <c:pt idx="237">
                  <c:v>43768</c:v>
                </c:pt>
                <c:pt idx="238">
                  <c:v>43769</c:v>
                </c:pt>
                <c:pt idx="239">
                  <c:v>43770</c:v>
                </c:pt>
                <c:pt idx="240">
                  <c:v>43773</c:v>
                </c:pt>
                <c:pt idx="241">
                  <c:v>43774</c:v>
                </c:pt>
                <c:pt idx="242">
                  <c:v>43775</c:v>
                </c:pt>
                <c:pt idx="243">
                  <c:v>43776</c:v>
                </c:pt>
                <c:pt idx="244">
                  <c:v>43777</c:v>
                </c:pt>
                <c:pt idx="245">
                  <c:v>43780</c:v>
                </c:pt>
                <c:pt idx="246">
                  <c:v>43781</c:v>
                </c:pt>
                <c:pt idx="247">
                  <c:v>43782</c:v>
                </c:pt>
                <c:pt idx="248">
                  <c:v>43783</c:v>
                </c:pt>
                <c:pt idx="249">
                  <c:v>43784</c:v>
                </c:pt>
                <c:pt idx="250">
                  <c:v>43787</c:v>
                </c:pt>
                <c:pt idx="251">
                  <c:v>43788</c:v>
                </c:pt>
                <c:pt idx="252">
                  <c:v>43789</c:v>
                </c:pt>
                <c:pt idx="253">
                  <c:v>43790</c:v>
                </c:pt>
                <c:pt idx="254">
                  <c:v>43791</c:v>
                </c:pt>
                <c:pt idx="255">
                  <c:v>43794</c:v>
                </c:pt>
                <c:pt idx="256">
                  <c:v>43795</c:v>
                </c:pt>
                <c:pt idx="257">
                  <c:v>43796</c:v>
                </c:pt>
                <c:pt idx="258">
                  <c:v>43797</c:v>
                </c:pt>
                <c:pt idx="259">
                  <c:v>43798</c:v>
                </c:pt>
                <c:pt idx="260">
                  <c:v>43801</c:v>
                </c:pt>
                <c:pt idx="261">
                  <c:v>43802</c:v>
                </c:pt>
                <c:pt idx="262">
                  <c:v>43803</c:v>
                </c:pt>
                <c:pt idx="263">
                  <c:v>43804</c:v>
                </c:pt>
                <c:pt idx="264">
                  <c:v>43805</c:v>
                </c:pt>
                <c:pt idx="265">
                  <c:v>43808</c:v>
                </c:pt>
                <c:pt idx="266">
                  <c:v>43809</c:v>
                </c:pt>
                <c:pt idx="267">
                  <c:v>43810</c:v>
                </c:pt>
                <c:pt idx="268">
                  <c:v>43811</c:v>
                </c:pt>
                <c:pt idx="269">
                  <c:v>43812</c:v>
                </c:pt>
                <c:pt idx="270">
                  <c:v>43815</c:v>
                </c:pt>
                <c:pt idx="271">
                  <c:v>43816</c:v>
                </c:pt>
                <c:pt idx="272">
                  <c:v>43817</c:v>
                </c:pt>
                <c:pt idx="273">
                  <c:v>43818</c:v>
                </c:pt>
                <c:pt idx="274">
                  <c:v>43819</c:v>
                </c:pt>
                <c:pt idx="275">
                  <c:v>43822</c:v>
                </c:pt>
                <c:pt idx="276">
                  <c:v>43823</c:v>
                </c:pt>
                <c:pt idx="277">
                  <c:v>43824</c:v>
                </c:pt>
                <c:pt idx="278">
                  <c:v>43825</c:v>
                </c:pt>
                <c:pt idx="279">
                  <c:v>43826</c:v>
                </c:pt>
                <c:pt idx="280">
                  <c:v>43829</c:v>
                </c:pt>
                <c:pt idx="281">
                  <c:v>43830</c:v>
                </c:pt>
                <c:pt idx="282">
                  <c:v>43831</c:v>
                </c:pt>
                <c:pt idx="283">
                  <c:v>43832</c:v>
                </c:pt>
                <c:pt idx="284">
                  <c:v>43833</c:v>
                </c:pt>
                <c:pt idx="285">
                  <c:v>43836</c:v>
                </c:pt>
                <c:pt idx="286">
                  <c:v>43837</c:v>
                </c:pt>
                <c:pt idx="287">
                  <c:v>43838</c:v>
                </c:pt>
                <c:pt idx="288">
                  <c:v>43839</c:v>
                </c:pt>
                <c:pt idx="289">
                  <c:v>43840</c:v>
                </c:pt>
                <c:pt idx="290">
                  <c:v>43843</c:v>
                </c:pt>
                <c:pt idx="291">
                  <c:v>43844</c:v>
                </c:pt>
                <c:pt idx="292">
                  <c:v>43845</c:v>
                </c:pt>
                <c:pt idx="293">
                  <c:v>43846</c:v>
                </c:pt>
                <c:pt idx="294">
                  <c:v>43847</c:v>
                </c:pt>
                <c:pt idx="295">
                  <c:v>43850</c:v>
                </c:pt>
                <c:pt idx="296">
                  <c:v>43851</c:v>
                </c:pt>
                <c:pt idx="297">
                  <c:v>43852</c:v>
                </c:pt>
                <c:pt idx="298">
                  <c:v>43853</c:v>
                </c:pt>
                <c:pt idx="299">
                  <c:v>43854</c:v>
                </c:pt>
                <c:pt idx="300">
                  <c:v>43857</c:v>
                </c:pt>
                <c:pt idx="301">
                  <c:v>43858</c:v>
                </c:pt>
                <c:pt idx="302">
                  <c:v>43859</c:v>
                </c:pt>
                <c:pt idx="303">
                  <c:v>43860</c:v>
                </c:pt>
                <c:pt idx="304">
                  <c:v>43861</c:v>
                </c:pt>
                <c:pt idx="305">
                  <c:v>43864</c:v>
                </c:pt>
                <c:pt idx="306">
                  <c:v>43865</c:v>
                </c:pt>
                <c:pt idx="307">
                  <c:v>43866</c:v>
                </c:pt>
                <c:pt idx="308">
                  <c:v>43867</c:v>
                </c:pt>
                <c:pt idx="309">
                  <c:v>43868</c:v>
                </c:pt>
                <c:pt idx="310">
                  <c:v>43871</c:v>
                </c:pt>
                <c:pt idx="311">
                  <c:v>43872</c:v>
                </c:pt>
                <c:pt idx="312">
                  <c:v>43873</c:v>
                </c:pt>
                <c:pt idx="313">
                  <c:v>43874</c:v>
                </c:pt>
                <c:pt idx="314">
                  <c:v>43875</c:v>
                </c:pt>
                <c:pt idx="315">
                  <c:v>43878</c:v>
                </c:pt>
                <c:pt idx="316">
                  <c:v>43879</c:v>
                </c:pt>
                <c:pt idx="317">
                  <c:v>43880</c:v>
                </c:pt>
                <c:pt idx="318">
                  <c:v>43881</c:v>
                </c:pt>
                <c:pt idx="319">
                  <c:v>43882</c:v>
                </c:pt>
                <c:pt idx="320">
                  <c:v>43885</c:v>
                </c:pt>
                <c:pt idx="321">
                  <c:v>43886</c:v>
                </c:pt>
                <c:pt idx="322">
                  <c:v>43887</c:v>
                </c:pt>
                <c:pt idx="323">
                  <c:v>43888</c:v>
                </c:pt>
                <c:pt idx="324">
                  <c:v>43889</c:v>
                </c:pt>
                <c:pt idx="325">
                  <c:v>43892</c:v>
                </c:pt>
                <c:pt idx="326">
                  <c:v>43893</c:v>
                </c:pt>
                <c:pt idx="327">
                  <c:v>43894</c:v>
                </c:pt>
                <c:pt idx="328">
                  <c:v>43895</c:v>
                </c:pt>
                <c:pt idx="329">
                  <c:v>43896</c:v>
                </c:pt>
                <c:pt idx="330">
                  <c:v>43899</c:v>
                </c:pt>
                <c:pt idx="331">
                  <c:v>43900</c:v>
                </c:pt>
                <c:pt idx="332">
                  <c:v>43901</c:v>
                </c:pt>
                <c:pt idx="333">
                  <c:v>43902</c:v>
                </c:pt>
                <c:pt idx="334">
                  <c:v>43903</c:v>
                </c:pt>
                <c:pt idx="335">
                  <c:v>43906</c:v>
                </c:pt>
                <c:pt idx="336">
                  <c:v>43907</c:v>
                </c:pt>
                <c:pt idx="337">
                  <c:v>43908</c:v>
                </c:pt>
                <c:pt idx="338">
                  <c:v>43909</c:v>
                </c:pt>
                <c:pt idx="339">
                  <c:v>43910</c:v>
                </c:pt>
                <c:pt idx="340">
                  <c:v>43913</c:v>
                </c:pt>
                <c:pt idx="341">
                  <c:v>43914</c:v>
                </c:pt>
                <c:pt idx="342">
                  <c:v>43915</c:v>
                </c:pt>
                <c:pt idx="343">
                  <c:v>43916</c:v>
                </c:pt>
                <c:pt idx="344">
                  <c:v>43917</c:v>
                </c:pt>
                <c:pt idx="345">
                  <c:v>43920</c:v>
                </c:pt>
                <c:pt idx="346">
                  <c:v>43921</c:v>
                </c:pt>
                <c:pt idx="347">
                  <c:v>43922</c:v>
                </c:pt>
                <c:pt idx="348">
                  <c:v>43923</c:v>
                </c:pt>
                <c:pt idx="349">
                  <c:v>43924</c:v>
                </c:pt>
                <c:pt idx="350">
                  <c:v>43927</c:v>
                </c:pt>
                <c:pt idx="351">
                  <c:v>43928</c:v>
                </c:pt>
                <c:pt idx="352">
                  <c:v>43929</c:v>
                </c:pt>
                <c:pt idx="353">
                  <c:v>43930</c:v>
                </c:pt>
                <c:pt idx="354">
                  <c:v>43931</c:v>
                </c:pt>
                <c:pt idx="355">
                  <c:v>43934</c:v>
                </c:pt>
                <c:pt idx="356">
                  <c:v>43935</c:v>
                </c:pt>
                <c:pt idx="357">
                  <c:v>43936</c:v>
                </c:pt>
                <c:pt idx="358">
                  <c:v>43937</c:v>
                </c:pt>
                <c:pt idx="359">
                  <c:v>43938</c:v>
                </c:pt>
                <c:pt idx="360">
                  <c:v>43941</c:v>
                </c:pt>
                <c:pt idx="361">
                  <c:v>43942</c:v>
                </c:pt>
                <c:pt idx="362">
                  <c:v>43943</c:v>
                </c:pt>
                <c:pt idx="363">
                  <c:v>43944</c:v>
                </c:pt>
                <c:pt idx="364">
                  <c:v>43945</c:v>
                </c:pt>
                <c:pt idx="365">
                  <c:v>43948</c:v>
                </c:pt>
                <c:pt idx="366">
                  <c:v>43949</c:v>
                </c:pt>
                <c:pt idx="367">
                  <c:v>43950</c:v>
                </c:pt>
                <c:pt idx="368">
                  <c:v>43951</c:v>
                </c:pt>
                <c:pt idx="369">
                  <c:v>43952</c:v>
                </c:pt>
                <c:pt idx="370">
                  <c:v>43955</c:v>
                </c:pt>
                <c:pt idx="371">
                  <c:v>43956</c:v>
                </c:pt>
                <c:pt idx="372">
                  <c:v>43957</c:v>
                </c:pt>
                <c:pt idx="373">
                  <c:v>43958</c:v>
                </c:pt>
                <c:pt idx="374">
                  <c:v>43959</c:v>
                </c:pt>
                <c:pt idx="375">
                  <c:v>43962</c:v>
                </c:pt>
                <c:pt idx="376">
                  <c:v>43963</c:v>
                </c:pt>
                <c:pt idx="377">
                  <c:v>43964</c:v>
                </c:pt>
                <c:pt idx="378">
                  <c:v>43965</c:v>
                </c:pt>
                <c:pt idx="379">
                  <c:v>43966</c:v>
                </c:pt>
                <c:pt idx="380">
                  <c:v>43969</c:v>
                </c:pt>
                <c:pt idx="381">
                  <c:v>43970</c:v>
                </c:pt>
                <c:pt idx="382">
                  <c:v>43971</c:v>
                </c:pt>
                <c:pt idx="383">
                  <c:v>43972</c:v>
                </c:pt>
                <c:pt idx="384">
                  <c:v>43973</c:v>
                </c:pt>
                <c:pt idx="385">
                  <c:v>43976</c:v>
                </c:pt>
                <c:pt idx="386">
                  <c:v>43977</c:v>
                </c:pt>
                <c:pt idx="387">
                  <c:v>43978</c:v>
                </c:pt>
                <c:pt idx="388">
                  <c:v>43979</c:v>
                </c:pt>
                <c:pt idx="389">
                  <c:v>43980</c:v>
                </c:pt>
                <c:pt idx="390">
                  <c:v>43983</c:v>
                </c:pt>
                <c:pt idx="391">
                  <c:v>43984</c:v>
                </c:pt>
                <c:pt idx="392">
                  <c:v>43985</c:v>
                </c:pt>
                <c:pt idx="393">
                  <c:v>43986</c:v>
                </c:pt>
                <c:pt idx="394">
                  <c:v>43987</c:v>
                </c:pt>
                <c:pt idx="395">
                  <c:v>43990</c:v>
                </c:pt>
                <c:pt idx="396">
                  <c:v>43991</c:v>
                </c:pt>
                <c:pt idx="397">
                  <c:v>43992</c:v>
                </c:pt>
                <c:pt idx="398">
                  <c:v>43993</c:v>
                </c:pt>
                <c:pt idx="399">
                  <c:v>43994</c:v>
                </c:pt>
                <c:pt idx="400">
                  <c:v>43997</c:v>
                </c:pt>
                <c:pt idx="401">
                  <c:v>43998</c:v>
                </c:pt>
                <c:pt idx="402">
                  <c:v>43999</c:v>
                </c:pt>
                <c:pt idx="403">
                  <c:v>44000</c:v>
                </c:pt>
                <c:pt idx="404">
                  <c:v>44001</c:v>
                </c:pt>
                <c:pt idx="405">
                  <c:v>44004</c:v>
                </c:pt>
                <c:pt idx="406">
                  <c:v>44005</c:v>
                </c:pt>
                <c:pt idx="407">
                  <c:v>44006</c:v>
                </c:pt>
                <c:pt idx="408">
                  <c:v>44007</c:v>
                </c:pt>
                <c:pt idx="409">
                  <c:v>44008</c:v>
                </c:pt>
                <c:pt idx="410">
                  <c:v>44011</c:v>
                </c:pt>
                <c:pt idx="411">
                  <c:v>44012</c:v>
                </c:pt>
                <c:pt idx="412">
                  <c:v>44013</c:v>
                </c:pt>
                <c:pt idx="413">
                  <c:v>44014</c:v>
                </c:pt>
                <c:pt idx="414">
                  <c:v>44015</c:v>
                </c:pt>
                <c:pt idx="415">
                  <c:v>44018</c:v>
                </c:pt>
                <c:pt idx="416">
                  <c:v>44019</c:v>
                </c:pt>
                <c:pt idx="417">
                  <c:v>44020</c:v>
                </c:pt>
                <c:pt idx="418">
                  <c:v>44021</c:v>
                </c:pt>
                <c:pt idx="419">
                  <c:v>44022</c:v>
                </c:pt>
                <c:pt idx="420">
                  <c:v>44025</c:v>
                </c:pt>
                <c:pt idx="421">
                  <c:v>44026</c:v>
                </c:pt>
                <c:pt idx="422">
                  <c:v>44027</c:v>
                </c:pt>
                <c:pt idx="423">
                  <c:v>44028</c:v>
                </c:pt>
                <c:pt idx="424">
                  <c:v>44029</c:v>
                </c:pt>
                <c:pt idx="425">
                  <c:v>44032</c:v>
                </c:pt>
                <c:pt idx="426">
                  <c:v>44033</c:v>
                </c:pt>
                <c:pt idx="427">
                  <c:v>44034</c:v>
                </c:pt>
                <c:pt idx="428">
                  <c:v>44035</c:v>
                </c:pt>
                <c:pt idx="429">
                  <c:v>44036</c:v>
                </c:pt>
                <c:pt idx="430">
                  <c:v>44039</c:v>
                </c:pt>
                <c:pt idx="431">
                  <c:v>44040</c:v>
                </c:pt>
                <c:pt idx="432">
                  <c:v>44041</c:v>
                </c:pt>
                <c:pt idx="433">
                  <c:v>44042</c:v>
                </c:pt>
                <c:pt idx="434">
                  <c:v>44043</c:v>
                </c:pt>
                <c:pt idx="435">
                  <c:v>44046</c:v>
                </c:pt>
                <c:pt idx="436">
                  <c:v>44047</c:v>
                </c:pt>
                <c:pt idx="437">
                  <c:v>44048</c:v>
                </c:pt>
                <c:pt idx="438">
                  <c:v>44049</c:v>
                </c:pt>
                <c:pt idx="439">
                  <c:v>44050</c:v>
                </c:pt>
                <c:pt idx="440">
                  <c:v>44053</c:v>
                </c:pt>
                <c:pt idx="441">
                  <c:v>44054</c:v>
                </c:pt>
                <c:pt idx="442">
                  <c:v>44055</c:v>
                </c:pt>
                <c:pt idx="443">
                  <c:v>44056</c:v>
                </c:pt>
                <c:pt idx="444">
                  <c:v>44057</c:v>
                </c:pt>
                <c:pt idx="445">
                  <c:v>44060</c:v>
                </c:pt>
                <c:pt idx="446">
                  <c:v>44061</c:v>
                </c:pt>
                <c:pt idx="447">
                  <c:v>44062</c:v>
                </c:pt>
                <c:pt idx="448">
                  <c:v>44063</c:v>
                </c:pt>
                <c:pt idx="449">
                  <c:v>44064</c:v>
                </c:pt>
                <c:pt idx="450">
                  <c:v>44067</c:v>
                </c:pt>
                <c:pt idx="451">
                  <c:v>44068</c:v>
                </c:pt>
                <c:pt idx="452">
                  <c:v>44069</c:v>
                </c:pt>
                <c:pt idx="453">
                  <c:v>44070</c:v>
                </c:pt>
                <c:pt idx="454">
                  <c:v>44071</c:v>
                </c:pt>
                <c:pt idx="455">
                  <c:v>44074</c:v>
                </c:pt>
                <c:pt idx="456">
                  <c:v>44075</c:v>
                </c:pt>
                <c:pt idx="457">
                  <c:v>44076</c:v>
                </c:pt>
                <c:pt idx="458">
                  <c:v>44077</c:v>
                </c:pt>
                <c:pt idx="459">
                  <c:v>44078</c:v>
                </c:pt>
                <c:pt idx="460">
                  <c:v>44081</c:v>
                </c:pt>
                <c:pt idx="461">
                  <c:v>44082</c:v>
                </c:pt>
                <c:pt idx="462">
                  <c:v>44083</c:v>
                </c:pt>
                <c:pt idx="463">
                  <c:v>44084</c:v>
                </c:pt>
                <c:pt idx="464">
                  <c:v>44085</c:v>
                </c:pt>
                <c:pt idx="465">
                  <c:v>44088</c:v>
                </c:pt>
                <c:pt idx="466">
                  <c:v>44089</c:v>
                </c:pt>
                <c:pt idx="467">
                  <c:v>44090</c:v>
                </c:pt>
                <c:pt idx="468">
                  <c:v>44091</c:v>
                </c:pt>
                <c:pt idx="469">
                  <c:v>44092</c:v>
                </c:pt>
                <c:pt idx="470">
                  <c:v>44095</c:v>
                </c:pt>
                <c:pt idx="471">
                  <c:v>44096</c:v>
                </c:pt>
                <c:pt idx="472">
                  <c:v>44097</c:v>
                </c:pt>
                <c:pt idx="473">
                  <c:v>44098</c:v>
                </c:pt>
                <c:pt idx="474">
                  <c:v>44099</c:v>
                </c:pt>
                <c:pt idx="475">
                  <c:v>44102</c:v>
                </c:pt>
                <c:pt idx="476">
                  <c:v>44103</c:v>
                </c:pt>
                <c:pt idx="477">
                  <c:v>44104</c:v>
                </c:pt>
                <c:pt idx="478">
                  <c:v>44105</c:v>
                </c:pt>
                <c:pt idx="479">
                  <c:v>44106</c:v>
                </c:pt>
                <c:pt idx="480">
                  <c:v>44109</c:v>
                </c:pt>
                <c:pt idx="481">
                  <c:v>44110</c:v>
                </c:pt>
                <c:pt idx="482">
                  <c:v>44111</c:v>
                </c:pt>
                <c:pt idx="483">
                  <c:v>44112</c:v>
                </c:pt>
                <c:pt idx="484">
                  <c:v>44113</c:v>
                </c:pt>
                <c:pt idx="485">
                  <c:v>44116</c:v>
                </c:pt>
                <c:pt idx="486">
                  <c:v>44117</c:v>
                </c:pt>
                <c:pt idx="487">
                  <c:v>44118</c:v>
                </c:pt>
                <c:pt idx="488">
                  <c:v>44119</c:v>
                </c:pt>
                <c:pt idx="489">
                  <c:v>44120</c:v>
                </c:pt>
                <c:pt idx="490">
                  <c:v>44123</c:v>
                </c:pt>
                <c:pt idx="491">
                  <c:v>44124</c:v>
                </c:pt>
                <c:pt idx="492">
                  <c:v>44125</c:v>
                </c:pt>
                <c:pt idx="493">
                  <c:v>44126</c:v>
                </c:pt>
                <c:pt idx="494">
                  <c:v>44127</c:v>
                </c:pt>
                <c:pt idx="495">
                  <c:v>44130</c:v>
                </c:pt>
                <c:pt idx="496">
                  <c:v>44131</c:v>
                </c:pt>
                <c:pt idx="497">
                  <c:v>44132</c:v>
                </c:pt>
                <c:pt idx="498">
                  <c:v>44133</c:v>
                </c:pt>
                <c:pt idx="499">
                  <c:v>44134</c:v>
                </c:pt>
                <c:pt idx="500">
                  <c:v>44137</c:v>
                </c:pt>
                <c:pt idx="501">
                  <c:v>44138</c:v>
                </c:pt>
                <c:pt idx="502">
                  <c:v>44139</c:v>
                </c:pt>
                <c:pt idx="503">
                  <c:v>44140</c:v>
                </c:pt>
                <c:pt idx="504">
                  <c:v>44141</c:v>
                </c:pt>
                <c:pt idx="505">
                  <c:v>44144</c:v>
                </c:pt>
                <c:pt idx="506">
                  <c:v>44145</c:v>
                </c:pt>
                <c:pt idx="507">
                  <c:v>44146</c:v>
                </c:pt>
                <c:pt idx="508">
                  <c:v>44147</c:v>
                </c:pt>
                <c:pt idx="509">
                  <c:v>44148</c:v>
                </c:pt>
                <c:pt idx="510">
                  <c:v>44151</c:v>
                </c:pt>
                <c:pt idx="511">
                  <c:v>44152</c:v>
                </c:pt>
                <c:pt idx="512">
                  <c:v>44153</c:v>
                </c:pt>
                <c:pt idx="513">
                  <c:v>44154</c:v>
                </c:pt>
                <c:pt idx="514">
                  <c:v>44155</c:v>
                </c:pt>
                <c:pt idx="515">
                  <c:v>44158</c:v>
                </c:pt>
                <c:pt idx="516">
                  <c:v>44159</c:v>
                </c:pt>
                <c:pt idx="517">
                  <c:v>44160</c:v>
                </c:pt>
                <c:pt idx="518">
                  <c:v>44161</c:v>
                </c:pt>
                <c:pt idx="519">
                  <c:v>44162</c:v>
                </c:pt>
                <c:pt idx="520">
                  <c:v>44165</c:v>
                </c:pt>
                <c:pt idx="521">
                  <c:v>44166</c:v>
                </c:pt>
                <c:pt idx="522">
                  <c:v>44167</c:v>
                </c:pt>
                <c:pt idx="523">
                  <c:v>44168</c:v>
                </c:pt>
                <c:pt idx="524">
                  <c:v>44169</c:v>
                </c:pt>
                <c:pt idx="525">
                  <c:v>44172</c:v>
                </c:pt>
                <c:pt idx="526">
                  <c:v>44173</c:v>
                </c:pt>
                <c:pt idx="527">
                  <c:v>44174</c:v>
                </c:pt>
                <c:pt idx="528">
                  <c:v>44175</c:v>
                </c:pt>
                <c:pt idx="529">
                  <c:v>44176</c:v>
                </c:pt>
                <c:pt idx="530">
                  <c:v>44179</c:v>
                </c:pt>
                <c:pt idx="531">
                  <c:v>44180</c:v>
                </c:pt>
                <c:pt idx="532">
                  <c:v>44181</c:v>
                </c:pt>
                <c:pt idx="533">
                  <c:v>44182</c:v>
                </c:pt>
                <c:pt idx="534">
                  <c:v>44183</c:v>
                </c:pt>
                <c:pt idx="535">
                  <c:v>44186</c:v>
                </c:pt>
                <c:pt idx="536">
                  <c:v>44187</c:v>
                </c:pt>
                <c:pt idx="537">
                  <c:v>44188</c:v>
                </c:pt>
                <c:pt idx="538">
                  <c:v>44189</c:v>
                </c:pt>
                <c:pt idx="539">
                  <c:v>44190</c:v>
                </c:pt>
                <c:pt idx="540">
                  <c:v>44193</c:v>
                </c:pt>
                <c:pt idx="541">
                  <c:v>44194</c:v>
                </c:pt>
                <c:pt idx="542">
                  <c:v>44195</c:v>
                </c:pt>
                <c:pt idx="543">
                  <c:v>44196</c:v>
                </c:pt>
                <c:pt idx="544">
                  <c:v>44197</c:v>
                </c:pt>
                <c:pt idx="545">
                  <c:v>44200</c:v>
                </c:pt>
                <c:pt idx="546">
                  <c:v>44201</c:v>
                </c:pt>
                <c:pt idx="547">
                  <c:v>44202</c:v>
                </c:pt>
                <c:pt idx="548">
                  <c:v>44203</c:v>
                </c:pt>
                <c:pt idx="549">
                  <c:v>44204</c:v>
                </c:pt>
                <c:pt idx="550">
                  <c:v>44207</c:v>
                </c:pt>
                <c:pt idx="551">
                  <c:v>44208</c:v>
                </c:pt>
                <c:pt idx="552">
                  <c:v>44209</c:v>
                </c:pt>
                <c:pt idx="553">
                  <c:v>44210</c:v>
                </c:pt>
                <c:pt idx="554">
                  <c:v>44211</c:v>
                </c:pt>
                <c:pt idx="555">
                  <c:v>44214</c:v>
                </c:pt>
                <c:pt idx="556">
                  <c:v>44215</c:v>
                </c:pt>
                <c:pt idx="557">
                  <c:v>44216</c:v>
                </c:pt>
                <c:pt idx="558">
                  <c:v>44217</c:v>
                </c:pt>
                <c:pt idx="559">
                  <c:v>44218</c:v>
                </c:pt>
                <c:pt idx="560">
                  <c:v>44221</c:v>
                </c:pt>
                <c:pt idx="561">
                  <c:v>44222</c:v>
                </c:pt>
                <c:pt idx="562">
                  <c:v>44223</c:v>
                </c:pt>
                <c:pt idx="563">
                  <c:v>44224</c:v>
                </c:pt>
                <c:pt idx="564">
                  <c:v>44225</c:v>
                </c:pt>
                <c:pt idx="565">
                  <c:v>44228</c:v>
                </c:pt>
                <c:pt idx="566">
                  <c:v>44229</c:v>
                </c:pt>
                <c:pt idx="567">
                  <c:v>44230</c:v>
                </c:pt>
                <c:pt idx="568">
                  <c:v>44231</c:v>
                </c:pt>
                <c:pt idx="569">
                  <c:v>44232</c:v>
                </c:pt>
                <c:pt idx="570">
                  <c:v>44235</c:v>
                </c:pt>
                <c:pt idx="571">
                  <c:v>44236</c:v>
                </c:pt>
                <c:pt idx="572">
                  <c:v>44237</c:v>
                </c:pt>
                <c:pt idx="573">
                  <c:v>44238</c:v>
                </c:pt>
                <c:pt idx="574">
                  <c:v>44239</c:v>
                </c:pt>
                <c:pt idx="575">
                  <c:v>44242</c:v>
                </c:pt>
                <c:pt idx="576">
                  <c:v>44243</c:v>
                </c:pt>
                <c:pt idx="577">
                  <c:v>44244</c:v>
                </c:pt>
                <c:pt idx="578">
                  <c:v>44245</c:v>
                </c:pt>
                <c:pt idx="579">
                  <c:v>44246</c:v>
                </c:pt>
                <c:pt idx="580">
                  <c:v>44249</c:v>
                </c:pt>
                <c:pt idx="581">
                  <c:v>44250</c:v>
                </c:pt>
                <c:pt idx="582">
                  <c:v>44251</c:v>
                </c:pt>
                <c:pt idx="583">
                  <c:v>44252</c:v>
                </c:pt>
                <c:pt idx="584">
                  <c:v>44253</c:v>
                </c:pt>
                <c:pt idx="585">
                  <c:v>44256</c:v>
                </c:pt>
                <c:pt idx="586">
                  <c:v>44257</c:v>
                </c:pt>
                <c:pt idx="587">
                  <c:v>44258</c:v>
                </c:pt>
                <c:pt idx="588">
                  <c:v>44259</c:v>
                </c:pt>
                <c:pt idx="589">
                  <c:v>44260</c:v>
                </c:pt>
                <c:pt idx="590">
                  <c:v>44263</c:v>
                </c:pt>
                <c:pt idx="591">
                  <c:v>44264</c:v>
                </c:pt>
                <c:pt idx="592">
                  <c:v>44265</c:v>
                </c:pt>
                <c:pt idx="593">
                  <c:v>44266</c:v>
                </c:pt>
                <c:pt idx="594">
                  <c:v>44267</c:v>
                </c:pt>
                <c:pt idx="595">
                  <c:v>44270</c:v>
                </c:pt>
                <c:pt idx="596">
                  <c:v>44271</c:v>
                </c:pt>
                <c:pt idx="597">
                  <c:v>44272</c:v>
                </c:pt>
                <c:pt idx="598">
                  <c:v>44273</c:v>
                </c:pt>
                <c:pt idx="599">
                  <c:v>44274</c:v>
                </c:pt>
                <c:pt idx="600">
                  <c:v>44277</c:v>
                </c:pt>
                <c:pt idx="601">
                  <c:v>44278</c:v>
                </c:pt>
                <c:pt idx="602">
                  <c:v>44279</c:v>
                </c:pt>
                <c:pt idx="603">
                  <c:v>44280</c:v>
                </c:pt>
                <c:pt idx="604">
                  <c:v>44281</c:v>
                </c:pt>
                <c:pt idx="605">
                  <c:v>44284</c:v>
                </c:pt>
                <c:pt idx="606">
                  <c:v>44285</c:v>
                </c:pt>
                <c:pt idx="607">
                  <c:v>44286</c:v>
                </c:pt>
                <c:pt idx="608">
                  <c:v>44287</c:v>
                </c:pt>
                <c:pt idx="609">
                  <c:v>44288</c:v>
                </c:pt>
                <c:pt idx="610">
                  <c:v>44291</c:v>
                </c:pt>
                <c:pt idx="611">
                  <c:v>44292</c:v>
                </c:pt>
                <c:pt idx="612">
                  <c:v>44293</c:v>
                </c:pt>
                <c:pt idx="613">
                  <c:v>44294</c:v>
                </c:pt>
                <c:pt idx="614">
                  <c:v>44295</c:v>
                </c:pt>
                <c:pt idx="615">
                  <c:v>44298</c:v>
                </c:pt>
                <c:pt idx="616">
                  <c:v>44299</c:v>
                </c:pt>
                <c:pt idx="617">
                  <c:v>44300</c:v>
                </c:pt>
                <c:pt idx="618">
                  <c:v>44301</c:v>
                </c:pt>
                <c:pt idx="619">
                  <c:v>44302</c:v>
                </c:pt>
                <c:pt idx="620">
                  <c:v>44305</c:v>
                </c:pt>
                <c:pt idx="621">
                  <c:v>44306</c:v>
                </c:pt>
                <c:pt idx="622">
                  <c:v>44307</c:v>
                </c:pt>
                <c:pt idx="623">
                  <c:v>44308</c:v>
                </c:pt>
                <c:pt idx="624">
                  <c:v>44309</c:v>
                </c:pt>
                <c:pt idx="625">
                  <c:v>44312</c:v>
                </c:pt>
                <c:pt idx="626">
                  <c:v>44313</c:v>
                </c:pt>
                <c:pt idx="627">
                  <c:v>44314</c:v>
                </c:pt>
                <c:pt idx="628">
                  <c:v>44315</c:v>
                </c:pt>
                <c:pt idx="629">
                  <c:v>44316</c:v>
                </c:pt>
                <c:pt idx="630">
                  <c:v>44319</c:v>
                </c:pt>
                <c:pt idx="631">
                  <c:v>44320</c:v>
                </c:pt>
                <c:pt idx="632">
                  <c:v>44321</c:v>
                </c:pt>
                <c:pt idx="633">
                  <c:v>44322</c:v>
                </c:pt>
                <c:pt idx="634">
                  <c:v>44323</c:v>
                </c:pt>
                <c:pt idx="635">
                  <c:v>44326</c:v>
                </c:pt>
                <c:pt idx="636">
                  <c:v>44327</c:v>
                </c:pt>
                <c:pt idx="637">
                  <c:v>44328</c:v>
                </c:pt>
                <c:pt idx="638">
                  <c:v>44329</c:v>
                </c:pt>
                <c:pt idx="639">
                  <c:v>44330</c:v>
                </c:pt>
                <c:pt idx="640">
                  <c:v>44333</c:v>
                </c:pt>
                <c:pt idx="641">
                  <c:v>44334</c:v>
                </c:pt>
                <c:pt idx="642">
                  <c:v>44335</c:v>
                </c:pt>
                <c:pt idx="643">
                  <c:v>44336</c:v>
                </c:pt>
                <c:pt idx="644">
                  <c:v>44337</c:v>
                </c:pt>
                <c:pt idx="645">
                  <c:v>44340</c:v>
                </c:pt>
                <c:pt idx="646">
                  <c:v>44341</c:v>
                </c:pt>
                <c:pt idx="647">
                  <c:v>44342</c:v>
                </c:pt>
                <c:pt idx="648">
                  <c:v>44343</c:v>
                </c:pt>
                <c:pt idx="649">
                  <c:v>44344</c:v>
                </c:pt>
                <c:pt idx="650">
                  <c:v>44347</c:v>
                </c:pt>
                <c:pt idx="651">
                  <c:v>44348</c:v>
                </c:pt>
                <c:pt idx="652">
                  <c:v>44349</c:v>
                </c:pt>
                <c:pt idx="653">
                  <c:v>44350</c:v>
                </c:pt>
                <c:pt idx="654">
                  <c:v>44351</c:v>
                </c:pt>
                <c:pt idx="655">
                  <c:v>44354</c:v>
                </c:pt>
                <c:pt idx="656">
                  <c:v>44355</c:v>
                </c:pt>
                <c:pt idx="657">
                  <c:v>44356</c:v>
                </c:pt>
                <c:pt idx="658">
                  <c:v>44357</c:v>
                </c:pt>
                <c:pt idx="659">
                  <c:v>44358</c:v>
                </c:pt>
                <c:pt idx="660">
                  <c:v>44361</c:v>
                </c:pt>
                <c:pt idx="661">
                  <c:v>44362</c:v>
                </c:pt>
                <c:pt idx="662">
                  <c:v>44363</c:v>
                </c:pt>
                <c:pt idx="663">
                  <c:v>44364</c:v>
                </c:pt>
                <c:pt idx="664">
                  <c:v>44365</c:v>
                </c:pt>
                <c:pt idx="665">
                  <c:v>44368</c:v>
                </c:pt>
                <c:pt idx="666">
                  <c:v>44369</c:v>
                </c:pt>
                <c:pt idx="667">
                  <c:v>44370</c:v>
                </c:pt>
                <c:pt idx="668">
                  <c:v>44371</c:v>
                </c:pt>
                <c:pt idx="669">
                  <c:v>44372</c:v>
                </c:pt>
                <c:pt idx="670">
                  <c:v>44375</c:v>
                </c:pt>
                <c:pt idx="671">
                  <c:v>44376</c:v>
                </c:pt>
                <c:pt idx="672">
                  <c:v>44377</c:v>
                </c:pt>
                <c:pt idx="673">
                  <c:v>44378</c:v>
                </c:pt>
                <c:pt idx="674">
                  <c:v>44379</c:v>
                </c:pt>
                <c:pt idx="675">
                  <c:v>44382</c:v>
                </c:pt>
                <c:pt idx="676">
                  <c:v>44383</c:v>
                </c:pt>
                <c:pt idx="677">
                  <c:v>44384</c:v>
                </c:pt>
                <c:pt idx="678">
                  <c:v>44385</c:v>
                </c:pt>
                <c:pt idx="679">
                  <c:v>44386</c:v>
                </c:pt>
                <c:pt idx="680">
                  <c:v>44389</c:v>
                </c:pt>
                <c:pt idx="681">
                  <c:v>44390</c:v>
                </c:pt>
                <c:pt idx="682">
                  <c:v>44391</c:v>
                </c:pt>
                <c:pt idx="683">
                  <c:v>44392</c:v>
                </c:pt>
                <c:pt idx="684">
                  <c:v>44393</c:v>
                </c:pt>
                <c:pt idx="685">
                  <c:v>44396</c:v>
                </c:pt>
                <c:pt idx="686">
                  <c:v>44397</c:v>
                </c:pt>
                <c:pt idx="687">
                  <c:v>44398</c:v>
                </c:pt>
                <c:pt idx="688">
                  <c:v>44399</c:v>
                </c:pt>
                <c:pt idx="689">
                  <c:v>44400</c:v>
                </c:pt>
                <c:pt idx="690">
                  <c:v>44403</c:v>
                </c:pt>
                <c:pt idx="691">
                  <c:v>44404</c:v>
                </c:pt>
                <c:pt idx="692">
                  <c:v>44405</c:v>
                </c:pt>
                <c:pt idx="693">
                  <c:v>44406</c:v>
                </c:pt>
                <c:pt idx="694">
                  <c:v>44407</c:v>
                </c:pt>
                <c:pt idx="695">
                  <c:v>44410</c:v>
                </c:pt>
                <c:pt idx="696">
                  <c:v>44411</c:v>
                </c:pt>
                <c:pt idx="697">
                  <c:v>44412</c:v>
                </c:pt>
                <c:pt idx="698">
                  <c:v>44413</c:v>
                </c:pt>
                <c:pt idx="699">
                  <c:v>44414</c:v>
                </c:pt>
                <c:pt idx="700">
                  <c:v>44417</c:v>
                </c:pt>
                <c:pt idx="701">
                  <c:v>44418</c:v>
                </c:pt>
                <c:pt idx="702">
                  <c:v>44419</c:v>
                </c:pt>
                <c:pt idx="703">
                  <c:v>44420</c:v>
                </c:pt>
                <c:pt idx="704">
                  <c:v>44421</c:v>
                </c:pt>
                <c:pt idx="705">
                  <c:v>44424</c:v>
                </c:pt>
                <c:pt idx="706">
                  <c:v>44425</c:v>
                </c:pt>
                <c:pt idx="707">
                  <c:v>44426</c:v>
                </c:pt>
                <c:pt idx="708">
                  <c:v>44427</c:v>
                </c:pt>
                <c:pt idx="709">
                  <c:v>44428</c:v>
                </c:pt>
                <c:pt idx="710">
                  <c:v>44431</c:v>
                </c:pt>
                <c:pt idx="711">
                  <c:v>44432</c:v>
                </c:pt>
                <c:pt idx="712">
                  <c:v>44433</c:v>
                </c:pt>
                <c:pt idx="713">
                  <c:v>44434</c:v>
                </c:pt>
                <c:pt idx="714">
                  <c:v>44435</c:v>
                </c:pt>
                <c:pt idx="715">
                  <c:v>44438</c:v>
                </c:pt>
                <c:pt idx="716">
                  <c:v>44439</c:v>
                </c:pt>
                <c:pt idx="717">
                  <c:v>44440</c:v>
                </c:pt>
                <c:pt idx="718">
                  <c:v>44441</c:v>
                </c:pt>
                <c:pt idx="719">
                  <c:v>44442</c:v>
                </c:pt>
                <c:pt idx="720">
                  <c:v>44445</c:v>
                </c:pt>
                <c:pt idx="721">
                  <c:v>44446</c:v>
                </c:pt>
                <c:pt idx="722">
                  <c:v>44447</c:v>
                </c:pt>
                <c:pt idx="723">
                  <c:v>44448</c:v>
                </c:pt>
                <c:pt idx="724">
                  <c:v>44449</c:v>
                </c:pt>
                <c:pt idx="725">
                  <c:v>44452</c:v>
                </c:pt>
                <c:pt idx="726">
                  <c:v>44453</c:v>
                </c:pt>
                <c:pt idx="727">
                  <c:v>44454</c:v>
                </c:pt>
                <c:pt idx="728">
                  <c:v>44455</c:v>
                </c:pt>
                <c:pt idx="729">
                  <c:v>44456</c:v>
                </c:pt>
                <c:pt idx="730">
                  <c:v>44459</c:v>
                </c:pt>
                <c:pt idx="731">
                  <c:v>44460</c:v>
                </c:pt>
                <c:pt idx="732">
                  <c:v>44461</c:v>
                </c:pt>
                <c:pt idx="733">
                  <c:v>44462</c:v>
                </c:pt>
                <c:pt idx="734">
                  <c:v>44463</c:v>
                </c:pt>
                <c:pt idx="735">
                  <c:v>44466</c:v>
                </c:pt>
                <c:pt idx="736">
                  <c:v>44467</c:v>
                </c:pt>
                <c:pt idx="737">
                  <c:v>44468</c:v>
                </c:pt>
                <c:pt idx="738">
                  <c:v>44469</c:v>
                </c:pt>
                <c:pt idx="739">
                  <c:v>44470</c:v>
                </c:pt>
                <c:pt idx="740">
                  <c:v>44473</c:v>
                </c:pt>
                <c:pt idx="741">
                  <c:v>44474</c:v>
                </c:pt>
                <c:pt idx="742">
                  <c:v>44475</c:v>
                </c:pt>
                <c:pt idx="743">
                  <c:v>44476</c:v>
                </c:pt>
                <c:pt idx="744">
                  <c:v>44477</c:v>
                </c:pt>
                <c:pt idx="745">
                  <c:v>44480</c:v>
                </c:pt>
                <c:pt idx="746">
                  <c:v>44481</c:v>
                </c:pt>
                <c:pt idx="747">
                  <c:v>44482</c:v>
                </c:pt>
                <c:pt idx="748">
                  <c:v>44483</c:v>
                </c:pt>
                <c:pt idx="749">
                  <c:v>44484</c:v>
                </c:pt>
                <c:pt idx="750">
                  <c:v>44487</c:v>
                </c:pt>
                <c:pt idx="751">
                  <c:v>44488</c:v>
                </c:pt>
                <c:pt idx="752">
                  <c:v>44489</c:v>
                </c:pt>
                <c:pt idx="753">
                  <c:v>44490</c:v>
                </c:pt>
                <c:pt idx="754">
                  <c:v>44491</c:v>
                </c:pt>
                <c:pt idx="755">
                  <c:v>44494</c:v>
                </c:pt>
                <c:pt idx="756">
                  <c:v>44495</c:v>
                </c:pt>
                <c:pt idx="757">
                  <c:v>44496</c:v>
                </c:pt>
                <c:pt idx="758">
                  <c:v>44497</c:v>
                </c:pt>
                <c:pt idx="759">
                  <c:v>44498</c:v>
                </c:pt>
                <c:pt idx="760">
                  <c:v>44501</c:v>
                </c:pt>
                <c:pt idx="761">
                  <c:v>44502</c:v>
                </c:pt>
                <c:pt idx="762">
                  <c:v>44503</c:v>
                </c:pt>
                <c:pt idx="763">
                  <c:v>44504</c:v>
                </c:pt>
                <c:pt idx="764">
                  <c:v>44505</c:v>
                </c:pt>
                <c:pt idx="765">
                  <c:v>44508</c:v>
                </c:pt>
                <c:pt idx="766">
                  <c:v>44509</c:v>
                </c:pt>
                <c:pt idx="767">
                  <c:v>44510</c:v>
                </c:pt>
                <c:pt idx="768">
                  <c:v>44511</c:v>
                </c:pt>
                <c:pt idx="769">
                  <c:v>44512</c:v>
                </c:pt>
                <c:pt idx="770">
                  <c:v>44515</c:v>
                </c:pt>
                <c:pt idx="771">
                  <c:v>44516</c:v>
                </c:pt>
                <c:pt idx="772">
                  <c:v>44517</c:v>
                </c:pt>
                <c:pt idx="773">
                  <c:v>44518</c:v>
                </c:pt>
                <c:pt idx="774">
                  <c:v>44519</c:v>
                </c:pt>
                <c:pt idx="775">
                  <c:v>44522</c:v>
                </c:pt>
                <c:pt idx="776">
                  <c:v>44523</c:v>
                </c:pt>
                <c:pt idx="777">
                  <c:v>44524</c:v>
                </c:pt>
                <c:pt idx="778">
                  <c:v>44525</c:v>
                </c:pt>
                <c:pt idx="779">
                  <c:v>44526</c:v>
                </c:pt>
                <c:pt idx="780">
                  <c:v>44529</c:v>
                </c:pt>
                <c:pt idx="781">
                  <c:v>44530</c:v>
                </c:pt>
                <c:pt idx="782">
                  <c:v>44531</c:v>
                </c:pt>
                <c:pt idx="783">
                  <c:v>44532</c:v>
                </c:pt>
                <c:pt idx="784">
                  <c:v>44533</c:v>
                </c:pt>
                <c:pt idx="785">
                  <c:v>44536</c:v>
                </c:pt>
                <c:pt idx="786">
                  <c:v>44537</c:v>
                </c:pt>
                <c:pt idx="787">
                  <c:v>44538</c:v>
                </c:pt>
                <c:pt idx="788">
                  <c:v>44539</c:v>
                </c:pt>
                <c:pt idx="789">
                  <c:v>44540</c:v>
                </c:pt>
                <c:pt idx="790">
                  <c:v>44543</c:v>
                </c:pt>
                <c:pt idx="791">
                  <c:v>44544</c:v>
                </c:pt>
                <c:pt idx="792">
                  <c:v>44545</c:v>
                </c:pt>
                <c:pt idx="793">
                  <c:v>44546</c:v>
                </c:pt>
                <c:pt idx="794">
                  <c:v>44547</c:v>
                </c:pt>
                <c:pt idx="795">
                  <c:v>44550</c:v>
                </c:pt>
                <c:pt idx="796">
                  <c:v>44551</c:v>
                </c:pt>
                <c:pt idx="797">
                  <c:v>44552</c:v>
                </c:pt>
                <c:pt idx="798">
                  <c:v>44553</c:v>
                </c:pt>
                <c:pt idx="799">
                  <c:v>44554</c:v>
                </c:pt>
                <c:pt idx="800">
                  <c:v>44557</c:v>
                </c:pt>
                <c:pt idx="801">
                  <c:v>44558</c:v>
                </c:pt>
                <c:pt idx="802">
                  <c:v>44559</c:v>
                </c:pt>
                <c:pt idx="803">
                  <c:v>44560</c:v>
                </c:pt>
                <c:pt idx="804">
                  <c:v>44561</c:v>
                </c:pt>
                <c:pt idx="805">
                  <c:v>44564</c:v>
                </c:pt>
                <c:pt idx="806">
                  <c:v>44565</c:v>
                </c:pt>
                <c:pt idx="807">
                  <c:v>44566</c:v>
                </c:pt>
                <c:pt idx="808">
                  <c:v>44567</c:v>
                </c:pt>
                <c:pt idx="809">
                  <c:v>44568</c:v>
                </c:pt>
                <c:pt idx="810">
                  <c:v>44571</c:v>
                </c:pt>
                <c:pt idx="811">
                  <c:v>44572</c:v>
                </c:pt>
                <c:pt idx="812">
                  <c:v>44573</c:v>
                </c:pt>
                <c:pt idx="813">
                  <c:v>44574</c:v>
                </c:pt>
                <c:pt idx="814">
                  <c:v>44575</c:v>
                </c:pt>
                <c:pt idx="815">
                  <c:v>44578</c:v>
                </c:pt>
                <c:pt idx="816">
                  <c:v>44579</c:v>
                </c:pt>
                <c:pt idx="817">
                  <c:v>44580</c:v>
                </c:pt>
                <c:pt idx="818">
                  <c:v>44581</c:v>
                </c:pt>
                <c:pt idx="819">
                  <c:v>44582</c:v>
                </c:pt>
                <c:pt idx="820">
                  <c:v>44585</c:v>
                </c:pt>
                <c:pt idx="821">
                  <c:v>44586</c:v>
                </c:pt>
                <c:pt idx="822">
                  <c:v>44587</c:v>
                </c:pt>
                <c:pt idx="823">
                  <c:v>44588</c:v>
                </c:pt>
                <c:pt idx="824">
                  <c:v>44589</c:v>
                </c:pt>
                <c:pt idx="825">
                  <c:v>44592</c:v>
                </c:pt>
                <c:pt idx="826">
                  <c:v>44593</c:v>
                </c:pt>
                <c:pt idx="827">
                  <c:v>44594</c:v>
                </c:pt>
                <c:pt idx="828">
                  <c:v>44595</c:v>
                </c:pt>
                <c:pt idx="829">
                  <c:v>44596</c:v>
                </c:pt>
                <c:pt idx="830">
                  <c:v>44599</c:v>
                </c:pt>
                <c:pt idx="831">
                  <c:v>44600</c:v>
                </c:pt>
                <c:pt idx="832">
                  <c:v>44601</c:v>
                </c:pt>
                <c:pt idx="833">
                  <c:v>44602</c:v>
                </c:pt>
                <c:pt idx="834">
                  <c:v>44603</c:v>
                </c:pt>
                <c:pt idx="835">
                  <c:v>44606</c:v>
                </c:pt>
                <c:pt idx="836">
                  <c:v>44607</c:v>
                </c:pt>
                <c:pt idx="837">
                  <c:v>44608</c:v>
                </c:pt>
                <c:pt idx="838">
                  <c:v>44609</c:v>
                </c:pt>
                <c:pt idx="839">
                  <c:v>44610</c:v>
                </c:pt>
                <c:pt idx="840">
                  <c:v>44613</c:v>
                </c:pt>
                <c:pt idx="841">
                  <c:v>44614</c:v>
                </c:pt>
                <c:pt idx="842">
                  <c:v>44615</c:v>
                </c:pt>
                <c:pt idx="843">
                  <c:v>44616</c:v>
                </c:pt>
                <c:pt idx="844">
                  <c:v>44617</c:v>
                </c:pt>
                <c:pt idx="845">
                  <c:v>44620</c:v>
                </c:pt>
                <c:pt idx="846">
                  <c:v>44621</c:v>
                </c:pt>
                <c:pt idx="847">
                  <c:v>44622</c:v>
                </c:pt>
                <c:pt idx="848">
                  <c:v>44623</c:v>
                </c:pt>
                <c:pt idx="849">
                  <c:v>44624</c:v>
                </c:pt>
                <c:pt idx="850">
                  <c:v>44627</c:v>
                </c:pt>
                <c:pt idx="851">
                  <c:v>44628</c:v>
                </c:pt>
                <c:pt idx="852">
                  <c:v>44629</c:v>
                </c:pt>
                <c:pt idx="853">
                  <c:v>44630</c:v>
                </c:pt>
                <c:pt idx="854">
                  <c:v>44631</c:v>
                </c:pt>
                <c:pt idx="855">
                  <c:v>44634</c:v>
                </c:pt>
                <c:pt idx="856">
                  <c:v>44635</c:v>
                </c:pt>
                <c:pt idx="857">
                  <c:v>44636</c:v>
                </c:pt>
                <c:pt idx="858">
                  <c:v>44637</c:v>
                </c:pt>
                <c:pt idx="859">
                  <c:v>44638</c:v>
                </c:pt>
                <c:pt idx="860">
                  <c:v>44641</c:v>
                </c:pt>
                <c:pt idx="861">
                  <c:v>44642</c:v>
                </c:pt>
                <c:pt idx="862">
                  <c:v>44643</c:v>
                </c:pt>
                <c:pt idx="863">
                  <c:v>44644</c:v>
                </c:pt>
                <c:pt idx="864">
                  <c:v>44645</c:v>
                </c:pt>
                <c:pt idx="865">
                  <c:v>44648</c:v>
                </c:pt>
                <c:pt idx="866">
                  <c:v>44649</c:v>
                </c:pt>
                <c:pt idx="867">
                  <c:v>44650</c:v>
                </c:pt>
                <c:pt idx="868">
                  <c:v>44651</c:v>
                </c:pt>
                <c:pt idx="869">
                  <c:v>44652</c:v>
                </c:pt>
                <c:pt idx="870">
                  <c:v>44655</c:v>
                </c:pt>
                <c:pt idx="871">
                  <c:v>44656</c:v>
                </c:pt>
                <c:pt idx="872">
                  <c:v>44657</c:v>
                </c:pt>
                <c:pt idx="873">
                  <c:v>44658</c:v>
                </c:pt>
                <c:pt idx="874">
                  <c:v>44659</c:v>
                </c:pt>
                <c:pt idx="875">
                  <c:v>44662</c:v>
                </c:pt>
                <c:pt idx="876">
                  <c:v>44663</c:v>
                </c:pt>
                <c:pt idx="877">
                  <c:v>44664</c:v>
                </c:pt>
                <c:pt idx="878">
                  <c:v>44665</c:v>
                </c:pt>
                <c:pt idx="879">
                  <c:v>44666</c:v>
                </c:pt>
                <c:pt idx="880">
                  <c:v>44669</c:v>
                </c:pt>
                <c:pt idx="881">
                  <c:v>44670</c:v>
                </c:pt>
                <c:pt idx="882">
                  <c:v>44671</c:v>
                </c:pt>
                <c:pt idx="883">
                  <c:v>44672</c:v>
                </c:pt>
                <c:pt idx="884">
                  <c:v>44673</c:v>
                </c:pt>
                <c:pt idx="885">
                  <c:v>44676</c:v>
                </c:pt>
                <c:pt idx="886">
                  <c:v>44677</c:v>
                </c:pt>
                <c:pt idx="887">
                  <c:v>44678</c:v>
                </c:pt>
                <c:pt idx="888">
                  <c:v>44679</c:v>
                </c:pt>
                <c:pt idx="889">
                  <c:v>44680</c:v>
                </c:pt>
                <c:pt idx="890">
                  <c:v>44683</c:v>
                </c:pt>
                <c:pt idx="891">
                  <c:v>44684</c:v>
                </c:pt>
                <c:pt idx="892">
                  <c:v>44685</c:v>
                </c:pt>
                <c:pt idx="893">
                  <c:v>44686</c:v>
                </c:pt>
              </c:numCache>
            </c:numRef>
          </c:cat>
          <c:val>
            <c:numRef>
              <c:f>T5YIE!$B$8:$B$1900</c:f>
              <c:numCache>
                <c:formatCode>0.0</c:formatCode>
                <c:ptCount val="1893"/>
                <c:pt idx="0">
                  <c:v>1.76</c:v>
                </c:pt>
                <c:pt idx="1">
                  <c:v>1.74</c:v>
                </c:pt>
                <c:pt idx="2">
                  <c:v>#N/A</c:v>
                </c:pt>
                <c:pt idx="3">
                  <c:v>1.69</c:v>
                </c:pt>
                <c:pt idx="4">
                  <c:v>1.68</c:v>
                </c:pt>
                <c:pt idx="5">
                  <c:v>1.65</c:v>
                </c:pt>
                <c:pt idx="6">
                  <c:v>1.62</c:v>
                </c:pt>
                <c:pt idx="7">
                  <c:v>1.62</c:v>
                </c:pt>
                <c:pt idx="8">
                  <c:v>1.62</c:v>
                </c:pt>
                <c:pt idx="9">
                  <c:v>1.6</c:v>
                </c:pt>
                <c:pt idx="10">
                  <c:v>1.58</c:v>
                </c:pt>
                <c:pt idx="11">
                  <c:v>1.58</c:v>
                </c:pt>
                <c:pt idx="12">
                  <c:v>1.56</c:v>
                </c:pt>
                <c:pt idx="13">
                  <c:v>1.53</c:v>
                </c:pt>
                <c:pt idx="14">
                  <c:v>1.55</c:v>
                </c:pt>
                <c:pt idx="15">
                  <c:v>1.52</c:v>
                </c:pt>
                <c:pt idx="16">
                  <c:v>#N/A</c:v>
                </c:pt>
                <c:pt idx="17">
                  <c:v>1.57</c:v>
                </c:pt>
                <c:pt idx="18">
                  <c:v>1.53</c:v>
                </c:pt>
                <c:pt idx="19">
                  <c:v>1.52</c:v>
                </c:pt>
                <c:pt idx="20">
                  <c:v>1.51</c:v>
                </c:pt>
                <c:pt idx="21">
                  <c:v>#N/A</c:v>
                </c:pt>
                <c:pt idx="22">
                  <c:v>1.49</c:v>
                </c:pt>
                <c:pt idx="23">
                  <c:v>1.49</c:v>
                </c:pt>
                <c:pt idx="24">
                  <c:v>1.58</c:v>
                </c:pt>
                <c:pt idx="25">
                  <c:v>1.61</c:v>
                </c:pt>
                <c:pt idx="26">
                  <c:v>1.66</c:v>
                </c:pt>
                <c:pt idx="27">
                  <c:v>1.68</c:v>
                </c:pt>
                <c:pt idx="28">
                  <c:v>1.65</c:v>
                </c:pt>
                <c:pt idx="29">
                  <c:v>1.66</c:v>
                </c:pt>
                <c:pt idx="30">
                  <c:v>1.64</c:v>
                </c:pt>
                <c:pt idx="31">
                  <c:v>1.63</c:v>
                </c:pt>
                <c:pt idx="32">
                  <c:v>1.64</c:v>
                </c:pt>
                <c:pt idx="33">
                  <c:v>1.64</c:v>
                </c:pt>
                <c:pt idx="34">
                  <c:v>1.67</c:v>
                </c:pt>
                <c:pt idx="35">
                  <c:v>#N/A</c:v>
                </c:pt>
                <c:pt idx="36">
                  <c:v>1.63</c:v>
                </c:pt>
                <c:pt idx="37">
                  <c:v>1.64</c:v>
                </c:pt>
                <c:pt idx="38">
                  <c:v>1.62</c:v>
                </c:pt>
                <c:pt idx="39">
                  <c:v>1.64</c:v>
                </c:pt>
                <c:pt idx="40">
                  <c:v>1.62</c:v>
                </c:pt>
                <c:pt idx="41">
                  <c:v>1.62</c:v>
                </c:pt>
                <c:pt idx="42">
                  <c:v>1.68</c:v>
                </c:pt>
                <c:pt idx="43">
                  <c:v>1.7</c:v>
                </c:pt>
                <c:pt idx="44">
                  <c:v>1.72</c:v>
                </c:pt>
                <c:pt idx="45">
                  <c:v>1.72</c:v>
                </c:pt>
                <c:pt idx="46">
                  <c:v>1.72</c:v>
                </c:pt>
                <c:pt idx="47">
                  <c:v>1.71</c:v>
                </c:pt>
                <c:pt idx="48">
                  <c:v>1.69</c:v>
                </c:pt>
                <c:pt idx="49">
                  <c:v>1.69</c:v>
                </c:pt>
                <c:pt idx="50">
                  <c:v>1.69</c:v>
                </c:pt>
                <c:pt idx="51">
                  <c:v>1.71</c:v>
                </c:pt>
                <c:pt idx="52">
                  <c:v>1.76</c:v>
                </c:pt>
                <c:pt idx="53">
                  <c:v>1.74</c:v>
                </c:pt>
                <c:pt idx="54">
                  <c:v>1.75</c:v>
                </c:pt>
                <c:pt idx="55">
                  <c:v>#N/A</c:v>
                </c:pt>
                <c:pt idx="56">
                  <c:v>1.76</c:v>
                </c:pt>
                <c:pt idx="57">
                  <c:v>1.79</c:v>
                </c:pt>
                <c:pt idx="58">
                  <c:v>1.8</c:v>
                </c:pt>
                <c:pt idx="59">
                  <c:v>1.82</c:v>
                </c:pt>
                <c:pt idx="60">
                  <c:v>1.82</c:v>
                </c:pt>
                <c:pt idx="61">
                  <c:v>1.82</c:v>
                </c:pt>
                <c:pt idx="62">
                  <c:v>1.84</c:v>
                </c:pt>
                <c:pt idx="63">
                  <c:v>1.84</c:v>
                </c:pt>
                <c:pt idx="64">
                  <c:v>1.85</c:v>
                </c:pt>
                <c:pt idx="65">
                  <c:v>1.84</c:v>
                </c:pt>
                <c:pt idx="66">
                  <c:v>1.83</c:v>
                </c:pt>
                <c:pt idx="67">
                  <c:v>1.81</c:v>
                </c:pt>
                <c:pt idx="68">
                  <c:v>1.8</c:v>
                </c:pt>
                <c:pt idx="69">
                  <c:v>1.8</c:v>
                </c:pt>
                <c:pt idx="70">
                  <c:v>1.82</c:v>
                </c:pt>
                <c:pt idx="71">
                  <c:v>1.81</c:v>
                </c:pt>
                <c:pt idx="72">
                  <c:v>1.84</c:v>
                </c:pt>
                <c:pt idx="73">
                  <c:v>1.85</c:v>
                </c:pt>
                <c:pt idx="74">
                  <c:v>1.86</c:v>
                </c:pt>
                <c:pt idx="75">
                  <c:v>1.88</c:v>
                </c:pt>
                <c:pt idx="76">
                  <c:v>1.85</c:v>
                </c:pt>
                <c:pt idx="77">
                  <c:v>1.88</c:v>
                </c:pt>
                <c:pt idx="78">
                  <c:v>1.86</c:v>
                </c:pt>
                <c:pt idx="79">
                  <c:v>1.8</c:v>
                </c:pt>
                <c:pt idx="80">
                  <c:v>1.77</c:v>
                </c:pt>
                <c:pt idx="81">
                  <c:v>1.75</c:v>
                </c:pt>
                <c:pt idx="82">
                  <c:v>1.74</c:v>
                </c:pt>
                <c:pt idx="83">
                  <c:v>1.72</c:v>
                </c:pt>
                <c:pt idx="84">
                  <c:v>1.78</c:v>
                </c:pt>
                <c:pt idx="85">
                  <c:v>1.82</c:v>
                </c:pt>
                <c:pt idx="86">
                  <c:v>1.81</c:v>
                </c:pt>
                <c:pt idx="87">
                  <c:v>1.81</c:v>
                </c:pt>
                <c:pt idx="88">
                  <c:v>1.81</c:v>
                </c:pt>
                <c:pt idx="89">
                  <c:v>1.79</c:v>
                </c:pt>
                <c:pt idx="90">
                  <c:v>1.81</c:v>
                </c:pt>
                <c:pt idx="91">
                  <c:v>1.8</c:v>
                </c:pt>
                <c:pt idx="92">
                  <c:v>1.83</c:v>
                </c:pt>
                <c:pt idx="93">
                  <c:v>1.82</c:v>
                </c:pt>
                <c:pt idx="94">
                  <c:v>1.86</c:v>
                </c:pt>
                <c:pt idx="95">
                  <c:v>1.85</c:v>
                </c:pt>
                <c:pt idx="96">
                  <c:v>1.86</c:v>
                </c:pt>
                <c:pt idx="97">
                  <c:v>1.84</c:v>
                </c:pt>
                <c:pt idx="98">
                  <c:v>1.86</c:v>
                </c:pt>
                <c:pt idx="99">
                  <c:v>#N/A</c:v>
                </c:pt>
                <c:pt idx="100">
                  <c:v>1.87</c:v>
                </c:pt>
                <c:pt idx="101">
                  <c:v>1.87</c:v>
                </c:pt>
                <c:pt idx="102">
                  <c:v>1.87</c:v>
                </c:pt>
                <c:pt idx="103">
                  <c:v>1.86</c:v>
                </c:pt>
                <c:pt idx="104">
                  <c:v>1.86</c:v>
                </c:pt>
                <c:pt idx="105">
                  <c:v>1.86</c:v>
                </c:pt>
                <c:pt idx="106">
                  <c:v>1.85</c:v>
                </c:pt>
                <c:pt idx="107">
                  <c:v>1.83</c:v>
                </c:pt>
                <c:pt idx="108">
                  <c:v>1.78</c:v>
                </c:pt>
                <c:pt idx="109">
                  <c:v>1.8</c:v>
                </c:pt>
                <c:pt idx="110">
                  <c:v>1.81</c:v>
                </c:pt>
                <c:pt idx="111">
                  <c:v>1.76</c:v>
                </c:pt>
                <c:pt idx="112">
                  <c:v>1.75</c:v>
                </c:pt>
                <c:pt idx="113">
                  <c:v>1.73</c:v>
                </c:pt>
                <c:pt idx="114">
                  <c:v>1.75</c:v>
                </c:pt>
                <c:pt idx="115">
                  <c:v>1.73</c:v>
                </c:pt>
                <c:pt idx="116">
                  <c:v>1.75</c:v>
                </c:pt>
                <c:pt idx="117">
                  <c:v>1.74</c:v>
                </c:pt>
                <c:pt idx="118">
                  <c:v>1.75</c:v>
                </c:pt>
                <c:pt idx="119">
                  <c:v>1.71</c:v>
                </c:pt>
                <c:pt idx="120">
                  <c:v>1.71</c:v>
                </c:pt>
                <c:pt idx="121">
                  <c:v>1.72</c:v>
                </c:pt>
                <c:pt idx="122">
                  <c:v>1.68</c:v>
                </c:pt>
                <c:pt idx="123">
                  <c:v>1.62</c:v>
                </c:pt>
                <c:pt idx="124">
                  <c:v>1.62</c:v>
                </c:pt>
                <c:pt idx="125">
                  <c:v>#N/A</c:v>
                </c:pt>
                <c:pt idx="126">
                  <c:v>1.58</c:v>
                </c:pt>
                <c:pt idx="127">
                  <c:v>1.59</c:v>
                </c:pt>
                <c:pt idx="128">
                  <c:v>1.59</c:v>
                </c:pt>
                <c:pt idx="129">
                  <c:v>1.58</c:v>
                </c:pt>
                <c:pt idx="130">
                  <c:v>1.56</c:v>
                </c:pt>
                <c:pt idx="131">
                  <c:v>1.59</c:v>
                </c:pt>
                <c:pt idx="132">
                  <c:v>1.59</c:v>
                </c:pt>
                <c:pt idx="133">
                  <c:v>1.58</c:v>
                </c:pt>
                <c:pt idx="134">
                  <c:v>1.61</c:v>
                </c:pt>
                <c:pt idx="135">
                  <c:v>1.6</c:v>
                </c:pt>
                <c:pt idx="136">
                  <c:v>1.57</c:v>
                </c:pt>
                <c:pt idx="137">
                  <c:v>1.53</c:v>
                </c:pt>
                <c:pt idx="138">
                  <c:v>1.51</c:v>
                </c:pt>
                <c:pt idx="139">
                  <c:v>1.48</c:v>
                </c:pt>
                <c:pt idx="140">
                  <c:v>1.45</c:v>
                </c:pt>
                <c:pt idx="141">
                  <c:v>1.49</c:v>
                </c:pt>
                <c:pt idx="142">
                  <c:v>1.53</c:v>
                </c:pt>
                <c:pt idx="143">
                  <c:v>1.58</c:v>
                </c:pt>
                <c:pt idx="144">
                  <c:v>1.6</c:v>
                </c:pt>
                <c:pt idx="145">
                  <c:v>1.57</c:v>
                </c:pt>
                <c:pt idx="146">
                  <c:v>1.52</c:v>
                </c:pt>
                <c:pt idx="147">
                  <c:v>1.56</c:v>
                </c:pt>
                <c:pt idx="148">
                  <c:v>1.53</c:v>
                </c:pt>
                <c:pt idx="149">
                  <c:v>1.53</c:v>
                </c:pt>
                <c:pt idx="150">
                  <c:v>1.53</c:v>
                </c:pt>
                <c:pt idx="151">
                  <c:v>1.5</c:v>
                </c:pt>
                <c:pt idx="152">
                  <c:v>1.51</c:v>
                </c:pt>
                <c:pt idx="153">
                  <c:v>#N/A</c:v>
                </c:pt>
                <c:pt idx="154">
                  <c:v>1.55</c:v>
                </c:pt>
                <c:pt idx="155">
                  <c:v>1.55</c:v>
                </c:pt>
                <c:pt idx="156">
                  <c:v>1.56</c:v>
                </c:pt>
                <c:pt idx="157">
                  <c:v>1.59</c:v>
                </c:pt>
                <c:pt idx="158">
                  <c:v>1.63</c:v>
                </c:pt>
                <c:pt idx="159">
                  <c:v>1.62</c:v>
                </c:pt>
                <c:pt idx="160">
                  <c:v>1.61</c:v>
                </c:pt>
                <c:pt idx="161">
                  <c:v>1.63</c:v>
                </c:pt>
                <c:pt idx="162">
                  <c:v>1.6</c:v>
                </c:pt>
                <c:pt idx="163">
                  <c:v>1.6</c:v>
                </c:pt>
                <c:pt idx="164">
                  <c:v>1.6</c:v>
                </c:pt>
                <c:pt idx="165">
                  <c:v>1.59</c:v>
                </c:pt>
                <c:pt idx="166">
                  <c:v>1.61</c:v>
                </c:pt>
                <c:pt idx="167">
                  <c:v>1.59</c:v>
                </c:pt>
                <c:pt idx="168">
                  <c:v>1.6</c:v>
                </c:pt>
                <c:pt idx="169">
                  <c:v>1.57</c:v>
                </c:pt>
                <c:pt idx="170">
                  <c:v>1.57</c:v>
                </c:pt>
                <c:pt idx="171">
                  <c:v>1.58</c:v>
                </c:pt>
                <c:pt idx="172">
                  <c:v>1.56</c:v>
                </c:pt>
                <c:pt idx="173">
                  <c:v>1.47</c:v>
                </c:pt>
                <c:pt idx="174">
                  <c:v>1.45</c:v>
                </c:pt>
                <c:pt idx="175">
                  <c:v>1.39</c:v>
                </c:pt>
                <c:pt idx="176">
                  <c:v>1.4</c:v>
                </c:pt>
                <c:pt idx="177">
                  <c:v>1.38</c:v>
                </c:pt>
                <c:pt idx="178">
                  <c:v>1.43</c:v>
                </c:pt>
                <c:pt idx="179">
                  <c:v>1.44</c:v>
                </c:pt>
                <c:pt idx="180">
                  <c:v>1.39</c:v>
                </c:pt>
                <c:pt idx="181">
                  <c:v>1.44</c:v>
                </c:pt>
                <c:pt idx="182">
                  <c:v>1.36</c:v>
                </c:pt>
                <c:pt idx="183">
                  <c:v>1.34</c:v>
                </c:pt>
                <c:pt idx="184">
                  <c:v>1.34</c:v>
                </c:pt>
                <c:pt idx="185">
                  <c:v>1.36</c:v>
                </c:pt>
                <c:pt idx="186">
                  <c:v>1.34</c:v>
                </c:pt>
                <c:pt idx="187">
                  <c:v>1.34</c:v>
                </c:pt>
                <c:pt idx="188">
                  <c:v>1.35</c:v>
                </c:pt>
                <c:pt idx="189">
                  <c:v>1.35</c:v>
                </c:pt>
                <c:pt idx="190">
                  <c:v>1.34</c:v>
                </c:pt>
                <c:pt idx="191">
                  <c:v>1.36</c:v>
                </c:pt>
                <c:pt idx="192">
                  <c:v>1.36</c:v>
                </c:pt>
                <c:pt idx="193">
                  <c:v>1.39</c:v>
                </c:pt>
                <c:pt idx="194">
                  <c:v>1.35</c:v>
                </c:pt>
                <c:pt idx="195">
                  <c:v>#N/A</c:v>
                </c:pt>
                <c:pt idx="196">
                  <c:v>1.29</c:v>
                </c:pt>
                <c:pt idx="197">
                  <c:v>1.31</c:v>
                </c:pt>
                <c:pt idx="198">
                  <c:v>1.35</c:v>
                </c:pt>
                <c:pt idx="199">
                  <c:v>1.35</c:v>
                </c:pt>
                <c:pt idx="200">
                  <c:v>1.38</c:v>
                </c:pt>
                <c:pt idx="201">
                  <c:v>1.4</c:v>
                </c:pt>
                <c:pt idx="202">
                  <c:v>1.4</c:v>
                </c:pt>
                <c:pt idx="203">
                  <c:v>1.43</c:v>
                </c:pt>
                <c:pt idx="204">
                  <c:v>1.46</c:v>
                </c:pt>
                <c:pt idx="205">
                  <c:v>1.48</c:v>
                </c:pt>
                <c:pt idx="206">
                  <c:v>1.46</c:v>
                </c:pt>
                <c:pt idx="207">
                  <c:v>1.4</c:v>
                </c:pt>
                <c:pt idx="208">
                  <c:v>1.41</c:v>
                </c:pt>
                <c:pt idx="209">
                  <c:v>1.42</c:v>
                </c:pt>
                <c:pt idx="210">
                  <c:v>1.42</c:v>
                </c:pt>
                <c:pt idx="211">
                  <c:v>1.39</c:v>
                </c:pt>
                <c:pt idx="212">
                  <c:v>1.41</c:v>
                </c:pt>
                <c:pt idx="213">
                  <c:v>1.4</c:v>
                </c:pt>
                <c:pt idx="214">
                  <c:v>1.36</c:v>
                </c:pt>
                <c:pt idx="215">
                  <c:v>1.35</c:v>
                </c:pt>
                <c:pt idx="216">
                  <c:v>1.33</c:v>
                </c:pt>
                <c:pt idx="217">
                  <c:v>1.29</c:v>
                </c:pt>
                <c:pt idx="218">
                  <c:v>1.25</c:v>
                </c:pt>
                <c:pt idx="219">
                  <c:v>1.27</c:v>
                </c:pt>
                <c:pt idx="220">
                  <c:v>1.27</c:v>
                </c:pt>
                <c:pt idx="221">
                  <c:v>1.25</c:v>
                </c:pt>
                <c:pt idx="222">
                  <c:v>1.24</c:v>
                </c:pt>
                <c:pt idx="223">
                  <c:v>1.29</c:v>
                </c:pt>
                <c:pt idx="224">
                  <c:v>1.34</c:v>
                </c:pt>
                <c:pt idx="225">
                  <c:v>#N/A</c:v>
                </c:pt>
                <c:pt idx="226">
                  <c:v>1.33</c:v>
                </c:pt>
                <c:pt idx="227">
                  <c:v>1.35</c:v>
                </c:pt>
                <c:pt idx="228">
                  <c:v>1.52</c:v>
                </c:pt>
                <c:pt idx="229">
                  <c:v>1.52</c:v>
                </c:pt>
                <c:pt idx="230">
                  <c:v>1.53</c:v>
                </c:pt>
                <c:pt idx="231">
                  <c:v>1.53</c:v>
                </c:pt>
                <c:pt idx="232">
                  <c:v>1.52</c:v>
                </c:pt>
                <c:pt idx="233">
                  <c:v>1.52</c:v>
                </c:pt>
                <c:pt idx="234">
                  <c:v>1.55</c:v>
                </c:pt>
                <c:pt idx="235">
                  <c:v>1.53</c:v>
                </c:pt>
                <c:pt idx="236">
                  <c:v>1.51</c:v>
                </c:pt>
                <c:pt idx="237">
                  <c:v>1.47</c:v>
                </c:pt>
                <c:pt idx="238">
                  <c:v>1.44</c:v>
                </c:pt>
                <c:pt idx="239">
                  <c:v>1.5</c:v>
                </c:pt>
                <c:pt idx="240">
                  <c:v>1.56</c:v>
                </c:pt>
                <c:pt idx="241">
                  <c:v>1.58</c:v>
                </c:pt>
                <c:pt idx="242">
                  <c:v>1.57</c:v>
                </c:pt>
                <c:pt idx="243">
                  <c:v>1.61</c:v>
                </c:pt>
                <c:pt idx="244">
                  <c:v>1.63</c:v>
                </c:pt>
                <c:pt idx="245">
                  <c:v>#N/A</c:v>
                </c:pt>
                <c:pt idx="246">
                  <c:v>1.6</c:v>
                </c:pt>
                <c:pt idx="247">
                  <c:v>1.58</c:v>
                </c:pt>
                <c:pt idx="248">
                  <c:v>1.54</c:v>
                </c:pt>
                <c:pt idx="249">
                  <c:v>1.52</c:v>
                </c:pt>
                <c:pt idx="250">
                  <c:v>1.54</c:v>
                </c:pt>
                <c:pt idx="251">
                  <c:v>1.53</c:v>
                </c:pt>
                <c:pt idx="252">
                  <c:v>1.51</c:v>
                </c:pt>
                <c:pt idx="253">
                  <c:v>1.53</c:v>
                </c:pt>
                <c:pt idx="254">
                  <c:v>1.53</c:v>
                </c:pt>
                <c:pt idx="255">
                  <c:v>1.53</c:v>
                </c:pt>
                <c:pt idx="256">
                  <c:v>1.52</c:v>
                </c:pt>
                <c:pt idx="257">
                  <c:v>1.54</c:v>
                </c:pt>
                <c:pt idx="258">
                  <c:v>#N/A</c:v>
                </c:pt>
                <c:pt idx="259">
                  <c:v>1.5</c:v>
                </c:pt>
                <c:pt idx="260">
                  <c:v>1.54</c:v>
                </c:pt>
                <c:pt idx="261">
                  <c:v>1.51</c:v>
                </c:pt>
                <c:pt idx="262">
                  <c:v>1.54</c:v>
                </c:pt>
                <c:pt idx="263">
                  <c:v>1.55</c:v>
                </c:pt>
                <c:pt idx="264">
                  <c:v>1.59</c:v>
                </c:pt>
                <c:pt idx="265">
                  <c:v>1.59</c:v>
                </c:pt>
                <c:pt idx="266">
                  <c:v>1.59</c:v>
                </c:pt>
                <c:pt idx="267">
                  <c:v>1.6</c:v>
                </c:pt>
                <c:pt idx="268">
                  <c:v>1.62</c:v>
                </c:pt>
                <c:pt idx="269">
                  <c:v>1.62</c:v>
                </c:pt>
                <c:pt idx="270">
                  <c:v>1.64</c:v>
                </c:pt>
                <c:pt idx="271">
                  <c:v>1.65</c:v>
                </c:pt>
                <c:pt idx="272">
                  <c:v>1.68</c:v>
                </c:pt>
                <c:pt idx="273">
                  <c:v>1.68</c:v>
                </c:pt>
                <c:pt idx="274">
                  <c:v>1.67</c:v>
                </c:pt>
                <c:pt idx="275">
                  <c:v>1.67</c:v>
                </c:pt>
                <c:pt idx="276">
                  <c:v>1.67</c:v>
                </c:pt>
                <c:pt idx="277">
                  <c:v>#N/A</c:v>
                </c:pt>
                <c:pt idx="278">
                  <c:v>1.66</c:v>
                </c:pt>
                <c:pt idx="279">
                  <c:v>1.64</c:v>
                </c:pt>
                <c:pt idx="280">
                  <c:v>1.66</c:v>
                </c:pt>
                <c:pt idx="281">
                  <c:v>1.68</c:v>
                </c:pt>
                <c:pt idx="282">
                  <c:v>#N/A</c:v>
                </c:pt>
                <c:pt idx="283">
                  <c:v>1.72</c:v>
                </c:pt>
                <c:pt idx="284">
                  <c:v>1.69</c:v>
                </c:pt>
                <c:pt idx="285">
                  <c:v>1.69</c:v>
                </c:pt>
                <c:pt idx="286">
                  <c:v>1.67</c:v>
                </c:pt>
                <c:pt idx="287">
                  <c:v>1.68</c:v>
                </c:pt>
                <c:pt idx="288">
                  <c:v>1.67</c:v>
                </c:pt>
                <c:pt idx="289">
                  <c:v>1.67</c:v>
                </c:pt>
                <c:pt idx="290">
                  <c:v>1.7</c:v>
                </c:pt>
                <c:pt idx="291">
                  <c:v>1.7</c:v>
                </c:pt>
                <c:pt idx="292">
                  <c:v>1.67</c:v>
                </c:pt>
                <c:pt idx="293">
                  <c:v>1.68</c:v>
                </c:pt>
                <c:pt idx="294">
                  <c:v>1.68</c:v>
                </c:pt>
                <c:pt idx="295">
                  <c:v>#N/A</c:v>
                </c:pt>
                <c:pt idx="296">
                  <c:v>1.66</c:v>
                </c:pt>
                <c:pt idx="297">
                  <c:v>1.64</c:v>
                </c:pt>
                <c:pt idx="298">
                  <c:v>1.64</c:v>
                </c:pt>
                <c:pt idx="299">
                  <c:v>1.62</c:v>
                </c:pt>
                <c:pt idx="300">
                  <c:v>1.56</c:v>
                </c:pt>
                <c:pt idx="301">
                  <c:v>1.59</c:v>
                </c:pt>
                <c:pt idx="302">
                  <c:v>1.58</c:v>
                </c:pt>
                <c:pt idx="303">
                  <c:v>1.59</c:v>
                </c:pt>
                <c:pt idx="304">
                  <c:v>1.6</c:v>
                </c:pt>
                <c:pt idx="305">
                  <c:v>1.56</c:v>
                </c:pt>
                <c:pt idx="306">
                  <c:v>1.58</c:v>
                </c:pt>
                <c:pt idx="307">
                  <c:v>1.61</c:v>
                </c:pt>
                <c:pt idx="308">
                  <c:v>1.61</c:v>
                </c:pt>
                <c:pt idx="309">
                  <c:v>1.61</c:v>
                </c:pt>
                <c:pt idx="310">
                  <c:v>1.62</c:v>
                </c:pt>
                <c:pt idx="311">
                  <c:v>1.6</c:v>
                </c:pt>
                <c:pt idx="312">
                  <c:v>1.64</c:v>
                </c:pt>
                <c:pt idx="313">
                  <c:v>1.65</c:v>
                </c:pt>
                <c:pt idx="314">
                  <c:v>1.64</c:v>
                </c:pt>
                <c:pt idx="315">
                  <c:v>#N/A</c:v>
                </c:pt>
                <c:pt idx="316">
                  <c:v>1.64</c:v>
                </c:pt>
                <c:pt idx="317">
                  <c:v>1.65</c:v>
                </c:pt>
                <c:pt idx="318">
                  <c:v>1.63</c:v>
                </c:pt>
                <c:pt idx="319">
                  <c:v>1.6</c:v>
                </c:pt>
                <c:pt idx="320">
                  <c:v>1.57</c:v>
                </c:pt>
                <c:pt idx="321">
                  <c:v>1.52</c:v>
                </c:pt>
                <c:pt idx="322">
                  <c:v>1.5</c:v>
                </c:pt>
                <c:pt idx="323">
                  <c:v>1.48</c:v>
                </c:pt>
                <c:pt idx="324">
                  <c:v>1.33</c:v>
                </c:pt>
                <c:pt idx="325">
                  <c:v>1.32</c:v>
                </c:pt>
                <c:pt idx="326">
                  <c:v>1.34</c:v>
                </c:pt>
                <c:pt idx="327">
                  <c:v>1.34</c:v>
                </c:pt>
                <c:pt idx="328">
                  <c:v>1.28</c:v>
                </c:pt>
                <c:pt idx="329">
                  <c:v>1.1399999999999999</c:v>
                </c:pt>
                <c:pt idx="330">
                  <c:v>0.8</c:v>
                </c:pt>
                <c:pt idx="331">
                  <c:v>0.77</c:v>
                </c:pt>
                <c:pt idx="332">
                  <c:v>0.69</c:v>
                </c:pt>
                <c:pt idx="333">
                  <c:v>0.63</c:v>
                </c:pt>
                <c:pt idx="334">
                  <c:v>0.53</c:v>
                </c:pt>
                <c:pt idx="335">
                  <c:v>0.3</c:v>
                </c:pt>
                <c:pt idx="336">
                  <c:v>0.16</c:v>
                </c:pt>
                <c:pt idx="337">
                  <c:v>0.16</c:v>
                </c:pt>
                <c:pt idx="338">
                  <c:v>0.14000000000000001</c:v>
                </c:pt>
                <c:pt idx="339">
                  <c:v>0.31</c:v>
                </c:pt>
                <c:pt idx="340">
                  <c:v>0.37</c:v>
                </c:pt>
                <c:pt idx="341">
                  <c:v>0.55000000000000004</c:v>
                </c:pt>
                <c:pt idx="342">
                  <c:v>0.69</c:v>
                </c:pt>
                <c:pt idx="343">
                  <c:v>0.72</c:v>
                </c:pt>
                <c:pt idx="344">
                  <c:v>0.54</c:v>
                </c:pt>
                <c:pt idx="345">
                  <c:v>0.56999999999999995</c:v>
                </c:pt>
                <c:pt idx="346">
                  <c:v>0.49</c:v>
                </c:pt>
                <c:pt idx="347">
                  <c:v>0.56000000000000005</c:v>
                </c:pt>
                <c:pt idx="348">
                  <c:v>0.73</c:v>
                </c:pt>
                <c:pt idx="349">
                  <c:v>0.78</c:v>
                </c:pt>
                <c:pt idx="350">
                  <c:v>0.85</c:v>
                </c:pt>
                <c:pt idx="351">
                  <c:v>0.86</c:v>
                </c:pt>
                <c:pt idx="352">
                  <c:v>0.87</c:v>
                </c:pt>
                <c:pt idx="353">
                  <c:v>0.9</c:v>
                </c:pt>
                <c:pt idx="354">
                  <c:v>#N/A</c:v>
                </c:pt>
                <c:pt idx="355">
                  <c:v>0.94</c:v>
                </c:pt>
                <c:pt idx="356">
                  <c:v>0.94</c:v>
                </c:pt>
                <c:pt idx="357">
                  <c:v>0.87</c:v>
                </c:pt>
                <c:pt idx="358">
                  <c:v>0.7</c:v>
                </c:pt>
                <c:pt idx="359">
                  <c:v>0.67</c:v>
                </c:pt>
                <c:pt idx="360">
                  <c:v>0.56000000000000005</c:v>
                </c:pt>
                <c:pt idx="361">
                  <c:v>0.57999999999999996</c:v>
                </c:pt>
                <c:pt idx="362">
                  <c:v>0.69</c:v>
                </c:pt>
                <c:pt idx="363">
                  <c:v>0.67</c:v>
                </c:pt>
                <c:pt idx="364">
                  <c:v>0.72</c:v>
                </c:pt>
                <c:pt idx="365">
                  <c:v>0.78</c:v>
                </c:pt>
                <c:pt idx="366">
                  <c:v>0.76</c:v>
                </c:pt>
                <c:pt idx="367">
                  <c:v>0.78</c:v>
                </c:pt>
                <c:pt idx="368">
                  <c:v>0.72</c:v>
                </c:pt>
                <c:pt idx="369">
                  <c:v>0.68</c:v>
                </c:pt>
                <c:pt idx="370">
                  <c:v>0.69</c:v>
                </c:pt>
                <c:pt idx="371">
                  <c:v>0.71</c:v>
                </c:pt>
                <c:pt idx="372">
                  <c:v>0.71</c:v>
                </c:pt>
                <c:pt idx="373">
                  <c:v>0.7</c:v>
                </c:pt>
                <c:pt idx="374">
                  <c:v>0.74</c:v>
                </c:pt>
                <c:pt idx="375">
                  <c:v>0.75</c:v>
                </c:pt>
                <c:pt idx="376">
                  <c:v>0.72</c:v>
                </c:pt>
                <c:pt idx="377">
                  <c:v>0.71</c:v>
                </c:pt>
                <c:pt idx="378">
                  <c:v>0.71</c:v>
                </c:pt>
                <c:pt idx="379">
                  <c:v>0.75</c:v>
                </c:pt>
                <c:pt idx="380">
                  <c:v>0.84</c:v>
                </c:pt>
                <c:pt idx="381">
                  <c:v>0.82</c:v>
                </c:pt>
                <c:pt idx="382">
                  <c:v>0.83</c:v>
                </c:pt>
                <c:pt idx="383">
                  <c:v>0.81</c:v>
                </c:pt>
                <c:pt idx="384">
                  <c:v>0.8</c:v>
                </c:pt>
                <c:pt idx="385">
                  <c:v>#N/A</c:v>
                </c:pt>
                <c:pt idx="386">
                  <c:v>0.82</c:v>
                </c:pt>
                <c:pt idx="387">
                  <c:v>0.82</c:v>
                </c:pt>
                <c:pt idx="388">
                  <c:v>0.86</c:v>
                </c:pt>
                <c:pt idx="389">
                  <c:v>0.83</c:v>
                </c:pt>
                <c:pt idx="390">
                  <c:v>0.84</c:v>
                </c:pt>
                <c:pt idx="391">
                  <c:v>0.84</c:v>
                </c:pt>
                <c:pt idx="392">
                  <c:v>0.88</c:v>
                </c:pt>
                <c:pt idx="393">
                  <c:v>0.88</c:v>
                </c:pt>
                <c:pt idx="394">
                  <c:v>0.95</c:v>
                </c:pt>
                <c:pt idx="395">
                  <c:v>0.98</c:v>
                </c:pt>
                <c:pt idx="396">
                  <c:v>0.98</c:v>
                </c:pt>
                <c:pt idx="397">
                  <c:v>1</c:v>
                </c:pt>
                <c:pt idx="398">
                  <c:v>0.95</c:v>
                </c:pt>
                <c:pt idx="399">
                  <c:v>0.95</c:v>
                </c:pt>
                <c:pt idx="400">
                  <c:v>0.98</c:v>
                </c:pt>
                <c:pt idx="401">
                  <c:v>1.02</c:v>
                </c:pt>
                <c:pt idx="402">
                  <c:v>1.01</c:v>
                </c:pt>
                <c:pt idx="403">
                  <c:v>1.1200000000000001</c:v>
                </c:pt>
                <c:pt idx="404">
                  <c:v>1.06</c:v>
                </c:pt>
                <c:pt idx="405">
                  <c:v>1.1100000000000001</c:v>
                </c:pt>
                <c:pt idx="406">
                  <c:v>1.1399999999999999</c:v>
                </c:pt>
                <c:pt idx="407">
                  <c:v>1.1000000000000001</c:v>
                </c:pt>
                <c:pt idx="408">
                  <c:v>1.1100000000000001</c:v>
                </c:pt>
                <c:pt idx="409">
                  <c:v>1.1100000000000001</c:v>
                </c:pt>
                <c:pt idx="410">
                  <c:v>1.1399999999999999</c:v>
                </c:pt>
                <c:pt idx="411">
                  <c:v>1.1599999999999999</c:v>
                </c:pt>
                <c:pt idx="412">
                  <c:v>1.17</c:v>
                </c:pt>
                <c:pt idx="413">
                  <c:v>1.21</c:v>
                </c:pt>
                <c:pt idx="414">
                  <c:v>#N/A</c:v>
                </c:pt>
                <c:pt idx="415">
                  <c:v>1.28</c:v>
                </c:pt>
                <c:pt idx="416">
                  <c:v>1.26</c:v>
                </c:pt>
                <c:pt idx="417">
                  <c:v>1.25</c:v>
                </c:pt>
                <c:pt idx="418">
                  <c:v>1.22</c:v>
                </c:pt>
                <c:pt idx="419">
                  <c:v>1.25</c:v>
                </c:pt>
                <c:pt idx="420">
                  <c:v>1.27</c:v>
                </c:pt>
                <c:pt idx="421">
                  <c:v>1.27</c:v>
                </c:pt>
                <c:pt idx="422">
                  <c:v>1.28</c:v>
                </c:pt>
                <c:pt idx="423">
                  <c:v>1.3</c:v>
                </c:pt>
                <c:pt idx="424">
                  <c:v>1.35</c:v>
                </c:pt>
                <c:pt idx="425">
                  <c:v>1.37</c:v>
                </c:pt>
                <c:pt idx="426">
                  <c:v>1.4</c:v>
                </c:pt>
                <c:pt idx="427">
                  <c:v>1.4</c:v>
                </c:pt>
                <c:pt idx="428">
                  <c:v>1.37</c:v>
                </c:pt>
                <c:pt idx="429">
                  <c:v>1.35</c:v>
                </c:pt>
                <c:pt idx="430">
                  <c:v>1.38</c:v>
                </c:pt>
                <c:pt idx="431">
                  <c:v>1.36</c:v>
                </c:pt>
                <c:pt idx="432">
                  <c:v>1.38</c:v>
                </c:pt>
                <c:pt idx="433">
                  <c:v>1.37</c:v>
                </c:pt>
                <c:pt idx="434">
                  <c:v>1.4</c:v>
                </c:pt>
                <c:pt idx="435">
                  <c:v>1.46</c:v>
                </c:pt>
                <c:pt idx="436">
                  <c:v>1.45</c:v>
                </c:pt>
                <c:pt idx="437">
                  <c:v>1.52</c:v>
                </c:pt>
                <c:pt idx="438">
                  <c:v>1.53</c:v>
                </c:pt>
                <c:pt idx="439">
                  <c:v>1.5</c:v>
                </c:pt>
                <c:pt idx="440">
                  <c:v>1.49</c:v>
                </c:pt>
                <c:pt idx="441">
                  <c:v>1.5</c:v>
                </c:pt>
                <c:pt idx="442">
                  <c:v>1.56</c:v>
                </c:pt>
                <c:pt idx="443">
                  <c:v>1.56</c:v>
                </c:pt>
                <c:pt idx="444">
                  <c:v>1.53</c:v>
                </c:pt>
                <c:pt idx="445">
                  <c:v>1.54</c:v>
                </c:pt>
                <c:pt idx="446">
                  <c:v>1.55</c:v>
                </c:pt>
                <c:pt idx="447">
                  <c:v>1.55</c:v>
                </c:pt>
                <c:pt idx="448">
                  <c:v>1.48</c:v>
                </c:pt>
                <c:pt idx="449">
                  <c:v>1.52</c:v>
                </c:pt>
                <c:pt idx="450">
                  <c:v>1.57</c:v>
                </c:pt>
                <c:pt idx="451">
                  <c:v>1.6</c:v>
                </c:pt>
                <c:pt idx="452">
                  <c:v>1.63</c:v>
                </c:pt>
                <c:pt idx="453">
                  <c:v>1.65</c:v>
                </c:pt>
                <c:pt idx="454">
                  <c:v>1.68</c:v>
                </c:pt>
                <c:pt idx="455">
                  <c:v>1.69</c:v>
                </c:pt>
                <c:pt idx="456">
                  <c:v>1.65</c:v>
                </c:pt>
                <c:pt idx="457">
                  <c:v>1.61</c:v>
                </c:pt>
                <c:pt idx="458">
                  <c:v>1.53</c:v>
                </c:pt>
                <c:pt idx="459">
                  <c:v>1.57</c:v>
                </c:pt>
                <c:pt idx="460">
                  <c:v>#N/A</c:v>
                </c:pt>
                <c:pt idx="461">
                  <c:v>1.55</c:v>
                </c:pt>
                <c:pt idx="462">
                  <c:v>1.57</c:v>
                </c:pt>
                <c:pt idx="463">
                  <c:v>1.54</c:v>
                </c:pt>
                <c:pt idx="464">
                  <c:v>1.53</c:v>
                </c:pt>
                <c:pt idx="465">
                  <c:v>1.54</c:v>
                </c:pt>
                <c:pt idx="466">
                  <c:v>1.54</c:v>
                </c:pt>
                <c:pt idx="467">
                  <c:v>1.57</c:v>
                </c:pt>
                <c:pt idx="468">
                  <c:v>1.57</c:v>
                </c:pt>
                <c:pt idx="469">
                  <c:v>1.58</c:v>
                </c:pt>
                <c:pt idx="470">
                  <c:v>1.5</c:v>
                </c:pt>
                <c:pt idx="471">
                  <c:v>1.5</c:v>
                </c:pt>
                <c:pt idx="472">
                  <c:v>1.48</c:v>
                </c:pt>
                <c:pt idx="473">
                  <c:v>1.45</c:v>
                </c:pt>
                <c:pt idx="474">
                  <c:v>1.43</c:v>
                </c:pt>
                <c:pt idx="475">
                  <c:v>1.48</c:v>
                </c:pt>
                <c:pt idx="476">
                  <c:v>1.49</c:v>
                </c:pt>
                <c:pt idx="477">
                  <c:v>1.5</c:v>
                </c:pt>
                <c:pt idx="478">
                  <c:v>1.48</c:v>
                </c:pt>
                <c:pt idx="479">
                  <c:v>1.48</c:v>
                </c:pt>
                <c:pt idx="480">
                  <c:v>1.52</c:v>
                </c:pt>
                <c:pt idx="481">
                  <c:v>1.51</c:v>
                </c:pt>
                <c:pt idx="482">
                  <c:v>1.54</c:v>
                </c:pt>
                <c:pt idx="483">
                  <c:v>1.56</c:v>
                </c:pt>
                <c:pt idx="484">
                  <c:v>1.56</c:v>
                </c:pt>
                <c:pt idx="485">
                  <c:v>#N/A</c:v>
                </c:pt>
                <c:pt idx="486">
                  <c:v>1.52</c:v>
                </c:pt>
                <c:pt idx="487">
                  <c:v>1.52</c:v>
                </c:pt>
                <c:pt idx="488">
                  <c:v>1.52</c:v>
                </c:pt>
                <c:pt idx="489">
                  <c:v>1.53</c:v>
                </c:pt>
                <c:pt idx="490">
                  <c:v>1.53</c:v>
                </c:pt>
                <c:pt idx="491">
                  <c:v>1.53</c:v>
                </c:pt>
                <c:pt idx="492">
                  <c:v>1.56</c:v>
                </c:pt>
                <c:pt idx="493">
                  <c:v>1.68</c:v>
                </c:pt>
                <c:pt idx="494">
                  <c:v>1.66</c:v>
                </c:pt>
                <c:pt idx="495">
                  <c:v>1.63</c:v>
                </c:pt>
                <c:pt idx="496">
                  <c:v>1.64</c:v>
                </c:pt>
                <c:pt idx="497">
                  <c:v>1.61</c:v>
                </c:pt>
                <c:pt idx="498">
                  <c:v>1.61</c:v>
                </c:pt>
                <c:pt idx="499">
                  <c:v>1.59</c:v>
                </c:pt>
                <c:pt idx="500">
                  <c:v>1.6</c:v>
                </c:pt>
                <c:pt idx="501">
                  <c:v>1.62</c:v>
                </c:pt>
                <c:pt idx="502">
                  <c:v>1.56</c:v>
                </c:pt>
                <c:pt idx="503">
                  <c:v>1.55</c:v>
                </c:pt>
                <c:pt idx="504">
                  <c:v>1.54</c:v>
                </c:pt>
                <c:pt idx="505">
                  <c:v>1.63</c:v>
                </c:pt>
                <c:pt idx="506">
                  <c:v>1.69</c:v>
                </c:pt>
                <c:pt idx="507">
                  <c:v>#N/A</c:v>
                </c:pt>
                <c:pt idx="508">
                  <c:v>1.63</c:v>
                </c:pt>
                <c:pt idx="509">
                  <c:v>1.64</c:v>
                </c:pt>
                <c:pt idx="510">
                  <c:v>1.64</c:v>
                </c:pt>
                <c:pt idx="511">
                  <c:v>1.63</c:v>
                </c:pt>
                <c:pt idx="512">
                  <c:v>1.63</c:v>
                </c:pt>
                <c:pt idx="513">
                  <c:v>1.62</c:v>
                </c:pt>
                <c:pt idx="514">
                  <c:v>1.61</c:v>
                </c:pt>
                <c:pt idx="515">
                  <c:v>1.62</c:v>
                </c:pt>
                <c:pt idx="516">
                  <c:v>1.65</c:v>
                </c:pt>
                <c:pt idx="517">
                  <c:v>1.67</c:v>
                </c:pt>
                <c:pt idx="518">
                  <c:v>#N/A</c:v>
                </c:pt>
                <c:pt idx="519">
                  <c:v>1.67</c:v>
                </c:pt>
                <c:pt idx="520">
                  <c:v>1.68</c:v>
                </c:pt>
                <c:pt idx="521">
                  <c:v>1.72</c:v>
                </c:pt>
                <c:pt idx="522">
                  <c:v>1.76</c:v>
                </c:pt>
                <c:pt idx="523">
                  <c:v>1.78</c:v>
                </c:pt>
                <c:pt idx="524">
                  <c:v>1.83</c:v>
                </c:pt>
                <c:pt idx="525">
                  <c:v>1.84</c:v>
                </c:pt>
                <c:pt idx="526">
                  <c:v>1.84</c:v>
                </c:pt>
                <c:pt idx="527">
                  <c:v>1.84</c:v>
                </c:pt>
                <c:pt idx="528">
                  <c:v>1.83</c:v>
                </c:pt>
                <c:pt idx="529">
                  <c:v>1.82</c:v>
                </c:pt>
                <c:pt idx="530">
                  <c:v>1.84</c:v>
                </c:pt>
                <c:pt idx="531">
                  <c:v>1.86</c:v>
                </c:pt>
                <c:pt idx="532">
                  <c:v>1.9</c:v>
                </c:pt>
                <c:pt idx="533">
                  <c:v>1.9</c:v>
                </c:pt>
                <c:pt idx="534">
                  <c:v>1.92</c:v>
                </c:pt>
                <c:pt idx="535">
                  <c:v>1.9</c:v>
                </c:pt>
                <c:pt idx="536">
                  <c:v>1.92</c:v>
                </c:pt>
                <c:pt idx="537">
                  <c:v>1.93</c:v>
                </c:pt>
                <c:pt idx="538">
                  <c:v>1.92</c:v>
                </c:pt>
                <c:pt idx="539">
                  <c:v>#N/A</c:v>
                </c:pt>
                <c:pt idx="540">
                  <c:v>1.92</c:v>
                </c:pt>
                <c:pt idx="541">
                  <c:v>1.9</c:v>
                </c:pt>
                <c:pt idx="542">
                  <c:v>1.92</c:v>
                </c:pt>
                <c:pt idx="543">
                  <c:v>1.95</c:v>
                </c:pt>
                <c:pt idx="544">
                  <c:v>#N/A</c:v>
                </c:pt>
                <c:pt idx="545">
                  <c:v>1.98</c:v>
                </c:pt>
                <c:pt idx="546">
                  <c:v>2.0099999999999998</c:v>
                </c:pt>
                <c:pt idx="547">
                  <c:v>2.04</c:v>
                </c:pt>
                <c:pt idx="548">
                  <c:v>2.09</c:v>
                </c:pt>
                <c:pt idx="549">
                  <c:v>2.0699999999999998</c:v>
                </c:pt>
                <c:pt idx="550">
                  <c:v>2.04</c:v>
                </c:pt>
                <c:pt idx="551">
                  <c:v>2.06</c:v>
                </c:pt>
                <c:pt idx="552">
                  <c:v>2.04</c:v>
                </c:pt>
                <c:pt idx="553">
                  <c:v>2.09</c:v>
                </c:pt>
                <c:pt idx="554">
                  <c:v>2.09</c:v>
                </c:pt>
                <c:pt idx="555">
                  <c:v>#N/A</c:v>
                </c:pt>
                <c:pt idx="556">
                  <c:v>2.12</c:v>
                </c:pt>
                <c:pt idx="557">
                  <c:v>2.15</c:v>
                </c:pt>
                <c:pt idx="558">
                  <c:v>2.1800000000000002</c:v>
                </c:pt>
                <c:pt idx="559">
                  <c:v>2.16</c:v>
                </c:pt>
                <c:pt idx="560">
                  <c:v>2.15</c:v>
                </c:pt>
                <c:pt idx="561">
                  <c:v>2.15</c:v>
                </c:pt>
                <c:pt idx="562">
                  <c:v>2.15</c:v>
                </c:pt>
                <c:pt idx="563">
                  <c:v>2.1800000000000002</c:v>
                </c:pt>
                <c:pt idx="564">
                  <c:v>2.21</c:v>
                </c:pt>
                <c:pt idx="565">
                  <c:v>2.1800000000000002</c:v>
                </c:pt>
                <c:pt idx="566">
                  <c:v>2.23</c:v>
                </c:pt>
                <c:pt idx="567">
                  <c:v>2.27</c:v>
                </c:pt>
                <c:pt idx="568">
                  <c:v>2.25</c:v>
                </c:pt>
                <c:pt idx="569">
                  <c:v>2.2799999999999998</c:v>
                </c:pt>
                <c:pt idx="570">
                  <c:v>2.31</c:v>
                </c:pt>
                <c:pt idx="571">
                  <c:v>2.31</c:v>
                </c:pt>
                <c:pt idx="572">
                  <c:v>2.31</c:v>
                </c:pt>
                <c:pt idx="573">
                  <c:v>2.3199999999999998</c:v>
                </c:pt>
                <c:pt idx="574">
                  <c:v>2.35</c:v>
                </c:pt>
                <c:pt idx="575">
                  <c:v>#N/A</c:v>
                </c:pt>
                <c:pt idx="576">
                  <c:v>2.37</c:v>
                </c:pt>
                <c:pt idx="577">
                  <c:v>2.35</c:v>
                </c:pt>
                <c:pt idx="578">
                  <c:v>2.29</c:v>
                </c:pt>
                <c:pt idx="579">
                  <c:v>2.29</c:v>
                </c:pt>
                <c:pt idx="580">
                  <c:v>2.35</c:v>
                </c:pt>
                <c:pt idx="581">
                  <c:v>2.35</c:v>
                </c:pt>
                <c:pt idx="582">
                  <c:v>2.38</c:v>
                </c:pt>
                <c:pt idx="583">
                  <c:v>2.34</c:v>
                </c:pt>
                <c:pt idx="584">
                  <c:v>2.39</c:v>
                </c:pt>
                <c:pt idx="585">
                  <c:v>2.4</c:v>
                </c:pt>
                <c:pt idx="586">
                  <c:v>2.4300000000000002</c:v>
                </c:pt>
                <c:pt idx="587">
                  <c:v>2.4500000000000002</c:v>
                </c:pt>
                <c:pt idx="588">
                  <c:v>2.4300000000000002</c:v>
                </c:pt>
                <c:pt idx="589">
                  <c:v>2.4300000000000002</c:v>
                </c:pt>
                <c:pt idx="590">
                  <c:v>2.42</c:v>
                </c:pt>
                <c:pt idx="591">
                  <c:v>2.41</c:v>
                </c:pt>
                <c:pt idx="592">
                  <c:v>2.4700000000000002</c:v>
                </c:pt>
                <c:pt idx="593">
                  <c:v>2.5099999999999998</c:v>
                </c:pt>
                <c:pt idx="594">
                  <c:v>2.5099999999999998</c:v>
                </c:pt>
                <c:pt idx="595">
                  <c:v>2.54</c:v>
                </c:pt>
                <c:pt idx="596">
                  <c:v>2.59</c:v>
                </c:pt>
                <c:pt idx="597">
                  <c:v>2.58</c:v>
                </c:pt>
                <c:pt idx="598">
                  <c:v>2.5</c:v>
                </c:pt>
                <c:pt idx="599">
                  <c:v>2.5099999999999998</c:v>
                </c:pt>
                <c:pt idx="600">
                  <c:v>2.5099999999999998</c:v>
                </c:pt>
                <c:pt idx="601">
                  <c:v>2.48</c:v>
                </c:pt>
                <c:pt idx="602">
                  <c:v>2.5299999999999998</c:v>
                </c:pt>
                <c:pt idx="603">
                  <c:v>2.54</c:v>
                </c:pt>
                <c:pt idx="604">
                  <c:v>2.57</c:v>
                </c:pt>
                <c:pt idx="605">
                  <c:v>2.56</c:v>
                </c:pt>
                <c:pt idx="606">
                  <c:v>2.52</c:v>
                </c:pt>
                <c:pt idx="607">
                  <c:v>2.54</c:v>
                </c:pt>
                <c:pt idx="608">
                  <c:v>2.5499999999999998</c:v>
                </c:pt>
                <c:pt idx="609">
                  <c:v>2.58</c:v>
                </c:pt>
                <c:pt idx="610">
                  <c:v>2.5499999999999998</c:v>
                </c:pt>
                <c:pt idx="611">
                  <c:v>2.52</c:v>
                </c:pt>
                <c:pt idx="612">
                  <c:v>2.5299999999999998</c:v>
                </c:pt>
                <c:pt idx="613">
                  <c:v>2.5499999999999998</c:v>
                </c:pt>
                <c:pt idx="614">
                  <c:v>2.5099999999999998</c:v>
                </c:pt>
                <c:pt idx="615">
                  <c:v>2.52</c:v>
                </c:pt>
                <c:pt idx="616">
                  <c:v>2.54</c:v>
                </c:pt>
                <c:pt idx="617">
                  <c:v>2.56</c:v>
                </c:pt>
                <c:pt idx="618">
                  <c:v>2.5499999999999998</c:v>
                </c:pt>
                <c:pt idx="619">
                  <c:v>2.57</c:v>
                </c:pt>
                <c:pt idx="620">
                  <c:v>2.56</c:v>
                </c:pt>
                <c:pt idx="621">
                  <c:v>2.52</c:v>
                </c:pt>
                <c:pt idx="622">
                  <c:v>2.5299999999999998</c:v>
                </c:pt>
                <c:pt idx="623">
                  <c:v>2.42</c:v>
                </c:pt>
                <c:pt idx="624">
                  <c:v>2.44</c:v>
                </c:pt>
                <c:pt idx="625">
                  <c:v>2.4700000000000002</c:v>
                </c:pt>
                <c:pt idx="626">
                  <c:v>2.5099999999999998</c:v>
                </c:pt>
                <c:pt idx="627">
                  <c:v>2.54</c:v>
                </c:pt>
                <c:pt idx="628">
                  <c:v>2.56</c:v>
                </c:pt>
                <c:pt idx="629">
                  <c:v>2.57</c:v>
                </c:pt>
                <c:pt idx="630">
                  <c:v>2.6</c:v>
                </c:pt>
                <c:pt idx="631">
                  <c:v>2.62</c:v>
                </c:pt>
                <c:pt idx="632">
                  <c:v>2.68</c:v>
                </c:pt>
                <c:pt idx="633">
                  <c:v>2.66</c:v>
                </c:pt>
                <c:pt idx="634">
                  <c:v>2.65</c:v>
                </c:pt>
                <c:pt idx="635">
                  <c:v>2.71</c:v>
                </c:pt>
                <c:pt idx="636">
                  <c:v>2.68</c:v>
                </c:pt>
                <c:pt idx="637">
                  <c:v>2.72</c:v>
                </c:pt>
                <c:pt idx="638">
                  <c:v>2.65</c:v>
                </c:pt>
                <c:pt idx="639">
                  <c:v>2.68</c:v>
                </c:pt>
                <c:pt idx="640">
                  <c:v>2.72</c:v>
                </c:pt>
                <c:pt idx="641">
                  <c:v>2.72</c:v>
                </c:pt>
                <c:pt idx="642">
                  <c:v>2.66</c:v>
                </c:pt>
                <c:pt idx="643">
                  <c:v>2.59</c:v>
                </c:pt>
                <c:pt idx="644">
                  <c:v>2.62</c:v>
                </c:pt>
                <c:pt idx="645">
                  <c:v>2.64</c:v>
                </c:pt>
                <c:pt idx="646">
                  <c:v>2.63</c:v>
                </c:pt>
                <c:pt idx="647">
                  <c:v>2.6</c:v>
                </c:pt>
                <c:pt idx="648">
                  <c:v>2.59</c:v>
                </c:pt>
                <c:pt idx="649">
                  <c:v>2.57</c:v>
                </c:pt>
                <c:pt idx="650">
                  <c:v>#N/A</c:v>
                </c:pt>
                <c:pt idx="651">
                  <c:v>2.6</c:v>
                </c:pt>
                <c:pt idx="652">
                  <c:v>2.59</c:v>
                </c:pt>
                <c:pt idx="653">
                  <c:v>2.56</c:v>
                </c:pt>
                <c:pt idx="654">
                  <c:v>2.54</c:v>
                </c:pt>
                <c:pt idx="655">
                  <c:v>2.5099999999999998</c:v>
                </c:pt>
                <c:pt idx="656">
                  <c:v>2.4700000000000002</c:v>
                </c:pt>
                <c:pt idx="657">
                  <c:v>2.41</c:v>
                </c:pt>
                <c:pt idx="658">
                  <c:v>2.4700000000000002</c:v>
                </c:pt>
                <c:pt idx="659">
                  <c:v>2.4300000000000002</c:v>
                </c:pt>
                <c:pt idx="660">
                  <c:v>2.44</c:v>
                </c:pt>
                <c:pt idx="661">
                  <c:v>2.46</c:v>
                </c:pt>
                <c:pt idx="662">
                  <c:v>2.41</c:v>
                </c:pt>
                <c:pt idx="663">
                  <c:v>2.31</c:v>
                </c:pt>
                <c:pt idx="664">
                  <c:v>2.37</c:v>
                </c:pt>
                <c:pt idx="665">
                  <c:v>2.41</c:v>
                </c:pt>
                <c:pt idx="666">
                  <c:v>2.46</c:v>
                </c:pt>
                <c:pt idx="667">
                  <c:v>2.4900000000000002</c:v>
                </c:pt>
                <c:pt idx="668">
                  <c:v>2.4500000000000002</c:v>
                </c:pt>
                <c:pt idx="669">
                  <c:v>2.46</c:v>
                </c:pt>
                <c:pt idx="670">
                  <c:v>2.4500000000000002</c:v>
                </c:pt>
                <c:pt idx="671">
                  <c:v>2.46</c:v>
                </c:pt>
                <c:pt idx="672">
                  <c:v>2.4700000000000002</c:v>
                </c:pt>
                <c:pt idx="673">
                  <c:v>2.4900000000000002</c:v>
                </c:pt>
                <c:pt idx="674">
                  <c:v>2.4900000000000002</c:v>
                </c:pt>
                <c:pt idx="675">
                  <c:v>#N/A</c:v>
                </c:pt>
                <c:pt idx="676">
                  <c:v>2.48</c:v>
                </c:pt>
                <c:pt idx="677">
                  <c:v>2.4300000000000002</c:v>
                </c:pt>
                <c:pt idx="678">
                  <c:v>2.38</c:v>
                </c:pt>
                <c:pt idx="679">
                  <c:v>2.44</c:v>
                </c:pt>
                <c:pt idx="680">
                  <c:v>2.48</c:v>
                </c:pt>
                <c:pt idx="681">
                  <c:v>2.56</c:v>
                </c:pt>
                <c:pt idx="682">
                  <c:v>2.5299999999999998</c:v>
                </c:pt>
                <c:pt idx="683">
                  <c:v>2.5299999999999998</c:v>
                </c:pt>
                <c:pt idx="684">
                  <c:v>2.52</c:v>
                </c:pt>
                <c:pt idx="685">
                  <c:v>2.41</c:v>
                </c:pt>
                <c:pt idx="686">
                  <c:v>2.4</c:v>
                </c:pt>
                <c:pt idx="687">
                  <c:v>2.4500000000000002</c:v>
                </c:pt>
                <c:pt idx="688">
                  <c:v>2.46</c:v>
                </c:pt>
                <c:pt idx="689">
                  <c:v>2.5299999999999998</c:v>
                </c:pt>
                <c:pt idx="690">
                  <c:v>2.59</c:v>
                </c:pt>
                <c:pt idx="691">
                  <c:v>2.5499999999999998</c:v>
                </c:pt>
                <c:pt idx="692">
                  <c:v>2.57</c:v>
                </c:pt>
                <c:pt idx="693">
                  <c:v>2.58</c:v>
                </c:pt>
                <c:pt idx="694">
                  <c:v>2.56</c:v>
                </c:pt>
                <c:pt idx="695">
                  <c:v>2.5099999999999998</c:v>
                </c:pt>
                <c:pt idx="696">
                  <c:v>2.5099999999999998</c:v>
                </c:pt>
                <c:pt idx="697">
                  <c:v>2.5</c:v>
                </c:pt>
                <c:pt idx="698">
                  <c:v>2.46</c:v>
                </c:pt>
                <c:pt idx="699">
                  <c:v>2.5</c:v>
                </c:pt>
                <c:pt idx="700">
                  <c:v>2.5</c:v>
                </c:pt>
                <c:pt idx="701">
                  <c:v>2.5299999999999998</c:v>
                </c:pt>
                <c:pt idx="702">
                  <c:v>2.5499999999999998</c:v>
                </c:pt>
                <c:pt idx="703">
                  <c:v>2.5499999999999998</c:v>
                </c:pt>
                <c:pt idx="704">
                  <c:v>2.52</c:v>
                </c:pt>
                <c:pt idx="705">
                  <c:v>2.5</c:v>
                </c:pt>
                <c:pt idx="706">
                  <c:v>2.4900000000000002</c:v>
                </c:pt>
                <c:pt idx="707">
                  <c:v>2.48</c:v>
                </c:pt>
                <c:pt idx="708">
                  <c:v>2.4500000000000002</c:v>
                </c:pt>
                <c:pt idx="709">
                  <c:v>2.4</c:v>
                </c:pt>
                <c:pt idx="710">
                  <c:v>2.4300000000000002</c:v>
                </c:pt>
                <c:pt idx="711">
                  <c:v>2.4500000000000002</c:v>
                </c:pt>
                <c:pt idx="712">
                  <c:v>2.5099999999999998</c:v>
                </c:pt>
                <c:pt idx="713">
                  <c:v>2.5</c:v>
                </c:pt>
                <c:pt idx="714">
                  <c:v>2.5299999999999998</c:v>
                </c:pt>
                <c:pt idx="715">
                  <c:v>2.5099999999999998</c:v>
                </c:pt>
                <c:pt idx="716">
                  <c:v>2.48</c:v>
                </c:pt>
                <c:pt idx="717">
                  <c:v>2.48</c:v>
                </c:pt>
                <c:pt idx="718">
                  <c:v>2.4700000000000002</c:v>
                </c:pt>
                <c:pt idx="719">
                  <c:v>2.48</c:v>
                </c:pt>
                <c:pt idx="720">
                  <c:v>#N/A</c:v>
                </c:pt>
                <c:pt idx="721">
                  <c:v>2.5099999999999998</c:v>
                </c:pt>
                <c:pt idx="722">
                  <c:v>2.5299999999999998</c:v>
                </c:pt>
                <c:pt idx="723">
                  <c:v>2.5499999999999998</c:v>
                </c:pt>
                <c:pt idx="724">
                  <c:v>2.5499999999999998</c:v>
                </c:pt>
                <c:pt idx="725">
                  <c:v>2.5299999999999998</c:v>
                </c:pt>
                <c:pt idx="726">
                  <c:v>2.4900000000000002</c:v>
                </c:pt>
                <c:pt idx="727">
                  <c:v>2.5099999999999998</c:v>
                </c:pt>
                <c:pt idx="728">
                  <c:v>2.5299999999999998</c:v>
                </c:pt>
                <c:pt idx="729">
                  <c:v>2.5099999999999998</c:v>
                </c:pt>
                <c:pt idx="730">
                  <c:v>2.4300000000000002</c:v>
                </c:pt>
                <c:pt idx="731">
                  <c:v>2.44</c:v>
                </c:pt>
                <c:pt idx="732">
                  <c:v>2.41</c:v>
                </c:pt>
                <c:pt idx="733">
                  <c:v>2.48</c:v>
                </c:pt>
                <c:pt idx="734">
                  <c:v>2.4700000000000002</c:v>
                </c:pt>
                <c:pt idx="735">
                  <c:v>2.5</c:v>
                </c:pt>
                <c:pt idx="736">
                  <c:v>2.5299999999999998</c:v>
                </c:pt>
                <c:pt idx="737">
                  <c:v>2.52</c:v>
                </c:pt>
                <c:pt idx="738">
                  <c:v>2.5099999999999998</c:v>
                </c:pt>
                <c:pt idx="739">
                  <c:v>2.5099999999999998</c:v>
                </c:pt>
                <c:pt idx="740">
                  <c:v>2.5299999999999998</c:v>
                </c:pt>
                <c:pt idx="741">
                  <c:v>2.59</c:v>
                </c:pt>
                <c:pt idx="742">
                  <c:v>2.57</c:v>
                </c:pt>
                <c:pt idx="743">
                  <c:v>2.61</c:v>
                </c:pt>
                <c:pt idx="744">
                  <c:v>2.64</c:v>
                </c:pt>
                <c:pt idx="745">
                  <c:v>#N/A</c:v>
                </c:pt>
                <c:pt idx="746">
                  <c:v>2.64</c:v>
                </c:pt>
                <c:pt idx="747">
                  <c:v>2.68</c:v>
                </c:pt>
                <c:pt idx="748">
                  <c:v>2.69</c:v>
                </c:pt>
                <c:pt idx="749">
                  <c:v>2.71</c:v>
                </c:pt>
                <c:pt idx="750">
                  <c:v>2.71</c:v>
                </c:pt>
                <c:pt idx="751">
                  <c:v>2.71</c:v>
                </c:pt>
                <c:pt idx="752">
                  <c:v>2.77</c:v>
                </c:pt>
                <c:pt idx="753">
                  <c:v>2.94</c:v>
                </c:pt>
                <c:pt idx="754">
                  <c:v>2.91</c:v>
                </c:pt>
                <c:pt idx="755">
                  <c:v>2.95</c:v>
                </c:pt>
                <c:pt idx="756">
                  <c:v>2.99</c:v>
                </c:pt>
                <c:pt idx="757">
                  <c:v>2.96</c:v>
                </c:pt>
                <c:pt idx="758">
                  <c:v>2.9</c:v>
                </c:pt>
                <c:pt idx="759">
                  <c:v>2.89</c:v>
                </c:pt>
                <c:pt idx="760">
                  <c:v>2.86</c:v>
                </c:pt>
                <c:pt idx="761">
                  <c:v>2.84</c:v>
                </c:pt>
                <c:pt idx="762">
                  <c:v>2.86</c:v>
                </c:pt>
                <c:pt idx="763">
                  <c:v>2.88</c:v>
                </c:pt>
                <c:pt idx="764">
                  <c:v>2.87</c:v>
                </c:pt>
                <c:pt idx="765">
                  <c:v>2.94</c:v>
                </c:pt>
                <c:pt idx="766">
                  <c:v>2.96</c:v>
                </c:pt>
                <c:pt idx="767">
                  <c:v>3.08</c:v>
                </c:pt>
                <c:pt idx="768">
                  <c:v>#N/A</c:v>
                </c:pt>
                <c:pt idx="769">
                  <c:v>3.11</c:v>
                </c:pt>
                <c:pt idx="770">
                  <c:v>3.17</c:v>
                </c:pt>
                <c:pt idx="771">
                  <c:v>3.17</c:v>
                </c:pt>
                <c:pt idx="772">
                  <c:v>3.14</c:v>
                </c:pt>
                <c:pt idx="773">
                  <c:v>3.11</c:v>
                </c:pt>
                <c:pt idx="774">
                  <c:v>3.02</c:v>
                </c:pt>
                <c:pt idx="775">
                  <c:v>2.98</c:v>
                </c:pt>
                <c:pt idx="776">
                  <c:v>3</c:v>
                </c:pt>
                <c:pt idx="777">
                  <c:v>3.03</c:v>
                </c:pt>
                <c:pt idx="778">
                  <c:v>#N/A</c:v>
                </c:pt>
                <c:pt idx="779">
                  <c:v>2.92</c:v>
                </c:pt>
                <c:pt idx="780">
                  <c:v>2.91</c:v>
                </c:pt>
                <c:pt idx="781">
                  <c:v>2.8</c:v>
                </c:pt>
                <c:pt idx="782">
                  <c:v>2.7</c:v>
                </c:pt>
                <c:pt idx="783">
                  <c:v>2.73</c:v>
                </c:pt>
                <c:pt idx="784">
                  <c:v>2.72</c:v>
                </c:pt>
                <c:pt idx="785">
                  <c:v>2.79</c:v>
                </c:pt>
                <c:pt idx="786">
                  <c:v>2.84</c:v>
                </c:pt>
                <c:pt idx="787">
                  <c:v>2.88</c:v>
                </c:pt>
                <c:pt idx="788">
                  <c:v>2.8</c:v>
                </c:pt>
                <c:pt idx="789">
                  <c:v>2.76</c:v>
                </c:pt>
                <c:pt idx="790">
                  <c:v>2.73</c:v>
                </c:pt>
                <c:pt idx="791">
                  <c:v>2.66</c:v>
                </c:pt>
                <c:pt idx="792">
                  <c:v>2.67</c:v>
                </c:pt>
                <c:pt idx="793">
                  <c:v>2.7</c:v>
                </c:pt>
                <c:pt idx="794">
                  <c:v>2.65</c:v>
                </c:pt>
                <c:pt idx="795">
                  <c:v>2.65</c:v>
                </c:pt>
                <c:pt idx="796">
                  <c:v>2.69</c:v>
                </c:pt>
                <c:pt idx="797">
                  <c:v>2.7</c:v>
                </c:pt>
                <c:pt idx="798">
                  <c:v>2.72</c:v>
                </c:pt>
                <c:pt idx="799">
                  <c:v>#N/A</c:v>
                </c:pt>
                <c:pt idx="800">
                  <c:v>2.75</c:v>
                </c:pt>
                <c:pt idx="801">
                  <c:v>2.78</c:v>
                </c:pt>
                <c:pt idx="802">
                  <c:v>2.83</c:v>
                </c:pt>
                <c:pt idx="803">
                  <c:v>2.86</c:v>
                </c:pt>
                <c:pt idx="804">
                  <c:v>2.87</c:v>
                </c:pt>
                <c:pt idx="805">
                  <c:v>2.95</c:v>
                </c:pt>
                <c:pt idx="806">
                  <c:v>2.93</c:v>
                </c:pt>
                <c:pt idx="807">
                  <c:v>2.87</c:v>
                </c:pt>
                <c:pt idx="808">
                  <c:v>2.77</c:v>
                </c:pt>
                <c:pt idx="809">
                  <c:v>2.78</c:v>
                </c:pt>
                <c:pt idx="810">
                  <c:v>2.77</c:v>
                </c:pt>
                <c:pt idx="811">
                  <c:v>2.87</c:v>
                </c:pt>
                <c:pt idx="812">
                  <c:v>2.82</c:v>
                </c:pt>
                <c:pt idx="813">
                  <c:v>2.77</c:v>
                </c:pt>
                <c:pt idx="814">
                  <c:v>2.79</c:v>
                </c:pt>
                <c:pt idx="815">
                  <c:v>#N/A</c:v>
                </c:pt>
                <c:pt idx="816">
                  <c:v>2.8</c:v>
                </c:pt>
                <c:pt idx="817">
                  <c:v>2.73</c:v>
                </c:pt>
                <c:pt idx="818">
                  <c:v>2.74</c:v>
                </c:pt>
                <c:pt idx="819">
                  <c:v>2.7</c:v>
                </c:pt>
                <c:pt idx="820">
                  <c:v>2.74</c:v>
                </c:pt>
                <c:pt idx="821">
                  <c:v>2.78</c:v>
                </c:pt>
                <c:pt idx="822">
                  <c:v>2.75</c:v>
                </c:pt>
                <c:pt idx="823">
                  <c:v>2.76</c:v>
                </c:pt>
                <c:pt idx="824">
                  <c:v>2.8</c:v>
                </c:pt>
                <c:pt idx="825">
                  <c:v>2.82</c:v>
                </c:pt>
                <c:pt idx="826">
                  <c:v>2.8</c:v>
                </c:pt>
                <c:pt idx="827">
                  <c:v>2.79</c:v>
                </c:pt>
                <c:pt idx="828">
                  <c:v>2.76</c:v>
                </c:pt>
                <c:pt idx="829">
                  <c:v>2.78</c:v>
                </c:pt>
                <c:pt idx="830">
                  <c:v>2.75</c:v>
                </c:pt>
                <c:pt idx="831">
                  <c:v>2.77</c:v>
                </c:pt>
                <c:pt idx="832">
                  <c:v>2.78</c:v>
                </c:pt>
                <c:pt idx="833">
                  <c:v>2.81</c:v>
                </c:pt>
                <c:pt idx="834">
                  <c:v>2.82</c:v>
                </c:pt>
                <c:pt idx="835">
                  <c:v>2.91</c:v>
                </c:pt>
                <c:pt idx="836">
                  <c:v>2.89</c:v>
                </c:pt>
                <c:pt idx="837">
                  <c:v>2.87</c:v>
                </c:pt>
                <c:pt idx="838">
                  <c:v>2.87</c:v>
                </c:pt>
                <c:pt idx="839">
                  <c:v>2.86</c:v>
                </c:pt>
                <c:pt idx="840">
                  <c:v>#N/A</c:v>
                </c:pt>
                <c:pt idx="841">
                  <c:v>2.89</c:v>
                </c:pt>
                <c:pt idx="842">
                  <c:v>3.01</c:v>
                </c:pt>
                <c:pt idx="843">
                  <c:v>3.05</c:v>
                </c:pt>
                <c:pt idx="844">
                  <c:v>3.02</c:v>
                </c:pt>
                <c:pt idx="845">
                  <c:v>3.11</c:v>
                </c:pt>
                <c:pt idx="846">
                  <c:v>3.14</c:v>
                </c:pt>
                <c:pt idx="847">
                  <c:v>3.23</c:v>
                </c:pt>
                <c:pt idx="848">
                  <c:v>3.17</c:v>
                </c:pt>
                <c:pt idx="849">
                  <c:v>3.19</c:v>
                </c:pt>
                <c:pt idx="850">
                  <c:v>3.29</c:v>
                </c:pt>
                <c:pt idx="851">
                  <c:v>3.43</c:v>
                </c:pt>
                <c:pt idx="852">
                  <c:v>3.33</c:v>
                </c:pt>
                <c:pt idx="853">
                  <c:v>3.42</c:v>
                </c:pt>
                <c:pt idx="854">
                  <c:v>3.52</c:v>
                </c:pt>
                <c:pt idx="855">
                  <c:v>3.5</c:v>
                </c:pt>
                <c:pt idx="856">
                  <c:v>3.42</c:v>
                </c:pt>
                <c:pt idx="857">
                  <c:v>3.34</c:v>
                </c:pt>
                <c:pt idx="858">
                  <c:v>3.51</c:v>
                </c:pt>
                <c:pt idx="859">
                  <c:v>3.48</c:v>
                </c:pt>
                <c:pt idx="860">
                  <c:v>3.52</c:v>
                </c:pt>
                <c:pt idx="861">
                  <c:v>3.52</c:v>
                </c:pt>
                <c:pt idx="862">
                  <c:v>3.57</c:v>
                </c:pt>
                <c:pt idx="863">
                  <c:v>3.57</c:v>
                </c:pt>
                <c:pt idx="864">
                  <c:v>3.59</c:v>
                </c:pt>
                <c:pt idx="865">
                  <c:v>3.56</c:v>
                </c:pt>
                <c:pt idx="866">
                  <c:v>3.4</c:v>
                </c:pt>
                <c:pt idx="867">
                  <c:v>3.41</c:v>
                </c:pt>
                <c:pt idx="868">
                  <c:v>3.34</c:v>
                </c:pt>
                <c:pt idx="869">
                  <c:v>3.28</c:v>
                </c:pt>
                <c:pt idx="870">
                  <c:v>3.28</c:v>
                </c:pt>
                <c:pt idx="871">
                  <c:v>3.31</c:v>
                </c:pt>
                <c:pt idx="872">
                  <c:v>3.28</c:v>
                </c:pt>
                <c:pt idx="873">
                  <c:v>3.26</c:v>
                </c:pt>
                <c:pt idx="874">
                  <c:v>3.33</c:v>
                </c:pt>
                <c:pt idx="875">
                  <c:v>3.37</c:v>
                </c:pt>
                <c:pt idx="876">
                  <c:v>3.31</c:v>
                </c:pt>
                <c:pt idx="877">
                  <c:v>3.25</c:v>
                </c:pt>
                <c:pt idx="878">
                  <c:v>3.33</c:v>
                </c:pt>
                <c:pt idx="879">
                  <c:v>#N/A</c:v>
                </c:pt>
                <c:pt idx="880">
                  <c:v>3.36</c:v>
                </c:pt>
                <c:pt idx="881">
                  <c:v>3.36</c:v>
                </c:pt>
                <c:pt idx="882">
                  <c:v>3.36</c:v>
                </c:pt>
                <c:pt idx="883">
                  <c:v>3.37</c:v>
                </c:pt>
                <c:pt idx="884">
                  <c:v>3.37</c:v>
                </c:pt>
                <c:pt idx="885">
                  <c:v>3.27</c:v>
                </c:pt>
                <c:pt idx="886">
                  <c:v>3.25</c:v>
                </c:pt>
                <c:pt idx="887">
                  <c:v>3.28</c:v>
                </c:pt>
                <c:pt idx="888">
                  <c:v>3.39</c:v>
                </c:pt>
                <c:pt idx="889">
                  <c:v>3.3</c:v>
                </c:pt>
                <c:pt idx="890">
                  <c:v>3.21</c:v>
                </c:pt>
                <c:pt idx="891">
                  <c:v>3.21</c:v>
                </c:pt>
                <c:pt idx="892">
                  <c:v>3.24</c:v>
                </c:pt>
                <c:pt idx="893">
                  <c:v>3.23</c:v>
                </c:pt>
              </c:numCache>
            </c:numRef>
          </c:val>
          <c:smooth val="0"/>
          <c:extLst>
            <c:ext xmlns:c16="http://schemas.microsoft.com/office/drawing/2014/chart" uri="{C3380CC4-5D6E-409C-BE32-E72D297353CC}">
              <c16:uniqueId val="{00000000-2013-4E08-99ED-AF289FBA17D9}"/>
            </c:ext>
          </c:extLst>
        </c:ser>
        <c:dLbls>
          <c:showLegendKey val="0"/>
          <c:showVal val="0"/>
          <c:showCatName val="0"/>
          <c:showSerName val="0"/>
          <c:showPercent val="0"/>
          <c:showBubbleSize val="0"/>
        </c:dLbls>
        <c:smooth val="0"/>
        <c:axId val="531387824"/>
        <c:axId val="575599040"/>
      </c:lineChart>
      <c:dateAx>
        <c:axId val="531387824"/>
        <c:scaling>
          <c:orientation val="minMax"/>
          <c:min val="43831"/>
        </c:scaling>
        <c:delete val="0"/>
        <c:axPos val="b"/>
        <c:numFmt formatCode="[$-409]mmm\-yy;@" sourceLinked="0"/>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75599040"/>
        <c:crosses val="autoZero"/>
        <c:auto val="1"/>
        <c:lblOffset val="100"/>
        <c:baseTimeUnit val="days"/>
        <c:majorUnit val="2"/>
        <c:majorTimeUnit val="months"/>
      </c:dateAx>
      <c:valAx>
        <c:axId val="575599040"/>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531387824"/>
        <c:crosses val="autoZero"/>
        <c:crossBetween val="between"/>
        <c:dispUnits>
          <c:builtInUnit val="hundreds"/>
          <c:dispUnitsLbl>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dispUnitsLbl>
        </c:dispUnits>
      </c:valAx>
      <c:spPr>
        <a:noFill/>
        <a:ln>
          <a:noFill/>
        </a:ln>
        <a:effectLst/>
      </c:spPr>
    </c:plotArea>
    <c:plotVisOnly val="1"/>
    <c:dispBlanksAs val="span"/>
    <c:showDLblsOverMax val="0"/>
    <c:extLst/>
  </c:chart>
  <c:spPr>
    <a:noFill/>
    <a:ln>
      <a:noFill/>
    </a:ln>
    <a:effectLst/>
  </c:spPr>
  <c:txPr>
    <a:bodyPr/>
    <a:lstStyle/>
    <a:p>
      <a:pPr>
        <a:defRPr/>
      </a:pPr>
      <a:endParaRPr lang="en-US"/>
    </a:p>
  </c:txPr>
  <c:externalData r:id="rId4">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SOFR vs. LIBOR Weekly Derivative Trade Count</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scatterChart>
        <c:scatterStyle val="lineMarker"/>
        <c:varyColors val="0"/>
        <c:ser>
          <c:idx val="0"/>
          <c:order val="0"/>
          <c:tx>
            <c:v>SOFR Trade Count</c:v>
          </c:tx>
          <c:spPr>
            <a:ln w="25400" cap="rnd">
              <a:solidFill>
                <a:srgbClr val="00AF9C"/>
              </a:solidFill>
              <a:round/>
            </a:ln>
            <a:effectLst/>
          </c:spPr>
          <c:marker>
            <c:symbol val="none"/>
          </c:marker>
          <c:xVal>
            <c:numRef>
              <c:f>Sheet1!$C$48:$S$48</c:f>
              <c:numCache>
                <c:formatCode>m/d/yyyy</c:formatCode>
                <c:ptCount val="17"/>
                <c:pt idx="0">
                  <c:v>44568</c:v>
                </c:pt>
                <c:pt idx="1">
                  <c:v>44575</c:v>
                </c:pt>
                <c:pt idx="2">
                  <c:v>44582</c:v>
                </c:pt>
                <c:pt idx="3">
                  <c:v>44589</c:v>
                </c:pt>
                <c:pt idx="4">
                  <c:v>44596</c:v>
                </c:pt>
                <c:pt idx="5">
                  <c:v>44603</c:v>
                </c:pt>
                <c:pt idx="6">
                  <c:v>44610</c:v>
                </c:pt>
                <c:pt idx="7">
                  <c:v>44617</c:v>
                </c:pt>
                <c:pt idx="8">
                  <c:v>44624</c:v>
                </c:pt>
                <c:pt idx="9">
                  <c:v>44631</c:v>
                </c:pt>
                <c:pt idx="10">
                  <c:v>44638</c:v>
                </c:pt>
                <c:pt idx="11">
                  <c:v>44645</c:v>
                </c:pt>
                <c:pt idx="12">
                  <c:v>44652</c:v>
                </c:pt>
                <c:pt idx="13">
                  <c:v>44659</c:v>
                </c:pt>
                <c:pt idx="14">
                  <c:v>44666</c:v>
                </c:pt>
                <c:pt idx="15">
                  <c:v>44673</c:v>
                </c:pt>
                <c:pt idx="16">
                  <c:v>44680</c:v>
                </c:pt>
              </c:numCache>
            </c:numRef>
          </c:xVal>
          <c:yVal>
            <c:numRef>
              <c:f>Sheet1!$C$54:$S$54</c:f>
              <c:numCache>
                <c:formatCode>#,##0_);\(#,##0\)</c:formatCode>
                <c:ptCount val="17"/>
                <c:pt idx="0">
                  <c:v>9409</c:v>
                </c:pt>
                <c:pt idx="1">
                  <c:v>9180</c:v>
                </c:pt>
                <c:pt idx="2">
                  <c:v>8195</c:v>
                </c:pt>
                <c:pt idx="3">
                  <c:v>9702</c:v>
                </c:pt>
                <c:pt idx="4">
                  <c:v>8583</c:v>
                </c:pt>
                <c:pt idx="5">
                  <c:v>10453</c:v>
                </c:pt>
                <c:pt idx="6">
                  <c:v>10896</c:v>
                </c:pt>
                <c:pt idx="7">
                  <c:v>9427</c:v>
                </c:pt>
                <c:pt idx="8">
                  <c:v>14351</c:v>
                </c:pt>
                <c:pt idx="9">
                  <c:v>13037</c:v>
                </c:pt>
                <c:pt idx="10">
                  <c:v>11992</c:v>
                </c:pt>
                <c:pt idx="11">
                  <c:v>11135</c:v>
                </c:pt>
                <c:pt idx="12">
                  <c:v>12599</c:v>
                </c:pt>
                <c:pt idx="13">
                  <c:v>12845</c:v>
                </c:pt>
                <c:pt idx="14">
                  <c:v>10629</c:v>
                </c:pt>
                <c:pt idx="15">
                  <c:v>11666</c:v>
                </c:pt>
                <c:pt idx="16">
                  <c:v>10652</c:v>
                </c:pt>
              </c:numCache>
            </c:numRef>
          </c:yVal>
          <c:smooth val="0"/>
          <c:extLst>
            <c:ext xmlns:c16="http://schemas.microsoft.com/office/drawing/2014/chart" uri="{C3380CC4-5D6E-409C-BE32-E72D297353CC}">
              <c16:uniqueId val="{00000000-F46A-444D-9C6A-4E99B24AE756}"/>
            </c:ext>
          </c:extLst>
        </c:ser>
        <c:ser>
          <c:idx val="1"/>
          <c:order val="1"/>
          <c:tx>
            <c:v>LIBOR Trade Count</c:v>
          </c:tx>
          <c:spPr>
            <a:ln w="25400" cap="rnd">
              <a:solidFill>
                <a:srgbClr val="73787C"/>
              </a:solidFill>
              <a:round/>
            </a:ln>
            <a:effectLst/>
          </c:spPr>
          <c:marker>
            <c:symbol val="none"/>
          </c:marker>
          <c:xVal>
            <c:numRef>
              <c:f>Sheet1!$C$48:$S$48</c:f>
              <c:numCache>
                <c:formatCode>m/d/yyyy</c:formatCode>
                <c:ptCount val="17"/>
                <c:pt idx="0">
                  <c:v>44568</c:v>
                </c:pt>
                <c:pt idx="1">
                  <c:v>44575</c:v>
                </c:pt>
                <c:pt idx="2">
                  <c:v>44582</c:v>
                </c:pt>
                <c:pt idx="3">
                  <c:v>44589</c:v>
                </c:pt>
                <c:pt idx="4">
                  <c:v>44596</c:v>
                </c:pt>
                <c:pt idx="5">
                  <c:v>44603</c:v>
                </c:pt>
                <c:pt idx="6">
                  <c:v>44610</c:v>
                </c:pt>
                <c:pt idx="7">
                  <c:v>44617</c:v>
                </c:pt>
                <c:pt idx="8">
                  <c:v>44624</c:v>
                </c:pt>
                <c:pt idx="9">
                  <c:v>44631</c:v>
                </c:pt>
                <c:pt idx="10">
                  <c:v>44638</c:v>
                </c:pt>
                <c:pt idx="11">
                  <c:v>44645</c:v>
                </c:pt>
                <c:pt idx="12">
                  <c:v>44652</c:v>
                </c:pt>
                <c:pt idx="13">
                  <c:v>44659</c:v>
                </c:pt>
                <c:pt idx="14">
                  <c:v>44666</c:v>
                </c:pt>
                <c:pt idx="15">
                  <c:v>44673</c:v>
                </c:pt>
                <c:pt idx="16">
                  <c:v>44680</c:v>
                </c:pt>
              </c:numCache>
            </c:numRef>
          </c:xVal>
          <c:yVal>
            <c:numRef>
              <c:f>Sheet1!$C$53:$S$53</c:f>
              <c:numCache>
                <c:formatCode>#,##0_);\(#,##0\)</c:formatCode>
                <c:ptCount val="17"/>
                <c:pt idx="0">
                  <c:v>9022</c:v>
                </c:pt>
                <c:pt idx="1">
                  <c:v>8491</c:v>
                </c:pt>
                <c:pt idx="2">
                  <c:v>6465</c:v>
                </c:pt>
                <c:pt idx="3">
                  <c:v>7888</c:v>
                </c:pt>
                <c:pt idx="4">
                  <c:v>5405</c:v>
                </c:pt>
                <c:pt idx="5">
                  <c:v>7597</c:v>
                </c:pt>
                <c:pt idx="6">
                  <c:v>7105</c:v>
                </c:pt>
                <c:pt idx="7">
                  <c:v>4767</c:v>
                </c:pt>
                <c:pt idx="8">
                  <c:v>4568</c:v>
                </c:pt>
                <c:pt idx="9">
                  <c:v>7976</c:v>
                </c:pt>
                <c:pt idx="10">
                  <c:v>5695</c:v>
                </c:pt>
                <c:pt idx="11">
                  <c:v>5264</c:v>
                </c:pt>
                <c:pt idx="12">
                  <c:v>5350</c:v>
                </c:pt>
                <c:pt idx="13">
                  <c:v>4610</c:v>
                </c:pt>
                <c:pt idx="14">
                  <c:v>4644</c:v>
                </c:pt>
                <c:pt idx="15">
                  <c:v>4232</c:v>
                </c:pt>
                <c:pt idx="16">
                  <c:v>5955</c:v>
                </c:pt>
              </c:numCache>
            </c:numRef>
          </c:yVal>
          <c:smooth val="0"/>
          <c:extLst>
            <c:ext xmlns:c16="http://schemas.microsoft.com/office/drawing/2014/chart" uri="{C3380CC4-5D6E-409C-BE32-E72D297353CC}">
              <c16:uniqueId val="{00000001-F46A-444D-9C6A-4E99B24AE756}"/>
            </c:ext>
          </c:extLst>
        </c:ser>
        <c:dLbls>
          <c:showLegendKey val="0"/>
          <c:showVal val="0"/>
          <c:showCatName val="0"/>
          <c:showSerName val="0"/>
          <c:showPercent val="0"/>
          <c:showBubbleSize val="0"/>
        </c:dLbls>
        <c:axId val="1060152415"/>
        <c:axId val="1060154911"/>
      </c:scatterChart>
      <c:valAx>
        <c:axId val="1060152415"/>
        <c:scaling>
          <c:orientation val="minMax"/>
          <c:max val="44680"/>
          <c:min val="44568"/>
        </c:scaling>
        <c:delete val="0"/>
        <c:axPos val="b"/>
        <c:numFmt formatCode="[$-409]mmm\-yy;@" sourceLinked="0"/>
        <c:majorTickMark val="out"/>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060154911"/>
        <c:crosses val="autoZero"/>
        <c:crossBetween val="midCat"/>
      </c:valAx>
      <c:valAx>
        <c:axId val="1060154911"/>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Trade</a:t>
                </a:r>
                <a:r>
                  <a:rPr lang="en-US" baseline="0"/>
                  <a:t> count</a:t>
                </a:r>
                <a:endParaRPr lang="en-US"/>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_);\(#,##0\)" sourceLinked="0"/>
        <c:majorTickMark val="none"/>
        <c:minorTickMark val="none"/>
        <c:tickLblPos val="nextTo"/>
        <c:spPr>
          <a:noFill/>
          <a:ln w="9525" cap="flat" cmpd="sng" algn="ctr">
            <a:solidFill>
              <a:schemeClr val="bg1"/>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060152415"/>
        <c:crosses val="autoZero"/>
        <c:crossBetween val="midCat"/>
        <c:majorUnit val="4000"/>
      </c:valAx>
      <c:spPr>
        <a:noFill/>
        <a:ln>
          <a:noFill/>
        </a:ln>
        <a:effectLst/>
      </c:spPr>
    </c:plotArea>
    <c:legend>
      <c:legendPos val="r"/>
      <c:layout>
        <c:manualLayout>
          <c:xMode val="edge"/>
          <c:yMode val="edge"/>
          <c:x val="0.25232563981570233"/>
          <c:y val="0.11411424151335696"/>
          <c:w val="0.49039274079225936"/>
          <c:h val="7.1398652591834366E-2"/>
        </c:manualLayout>
      </c:layout>
      <c:overlay val="1"/>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4">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1-month SOFR Compound vs. 1-month</a:t>
            </a:r>
            <a:r>
              <a:rPr lang="en-US" baseline="0"/>
              <a:t> LIBOR Forward Curves</a:t>
            </a:r>
            <a:endParaRPr lang="en-US"/>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areaChart>
        <c:grouping val="standard"/>
        <c:varyColors val="0"/>
        <c:ser>
          <c:idx val="2"/>
          <c:order val="2"/>
          <c:tx>
            <c:v>SOFR-LIBOR spread</c:v>
          </c:tx>
          <c:spPr>
            <a:solidFill>
              <a:srgbClr val="4CB5E6">
                <a:lumMod val="20000"/>
                <a:lumOff val="80000"/>
              </a:srgbClr>
            </a:solidFill>
            <a:ln>
              <a:noFill/>
            </a:ln>
            <a:effectLst/>
          </c:spPr>
          <c:cat>
            <c:numRef>
              <c:f>Sheet1!$A$5:$A$88</c:f>
              <c:numCache>
                <c:formatCode>m/d/yyyy</c:formatCode>
                <c:ptCount val="84"/>
                <c:pt idx="0">
                  <c:v>44710</c:v>
                </c:pt>
                <c:pt idx="1">
                  <c:v>44741</c:v>
                </c:pt>
                <c:pt idx="2">
                  <c:v>44771</c:v>
                </c:pt>
                <c:pt idx="3">
                  <c:v>44802</c:v>
                </c:pt>
                <c:pt idx="4">
                  <c:v>44833</c:v>
                </c:pt>
                <c:pt idx="5">
                  <c:v>44863</c:v>
                </c:pt>
                <c:pt idx="6">
                  <c:v>44894</c:v>
                </c:pt>
                <c:pt idx="7">
                  <c:v>44924</c:v>
                </c:pt>
                <c:pt idx="8">
                  <c:v>44955</c:v>
                </c:pt>
                <c:pt idx="9">
                  <c:v>44986</c:v>
                </c:pt>
                <c:pt idx="10">
                  <c:v>45045</c:v>
                </c:pt>
                <c:pt idx="11">
                  <c:v>45075</c:v>
                </c:pt>
                <c:pt idx="12">
                  <c:v>45106</c:v>
                </c:pt>
                <c:pt idx="13">
                  <c:v>45136</c:v>
                </c:pt>
                <c:pt idx="14">
                  <c:v>45167</c:v>
                </c:pt>
                <c:pt idx="15">
                  <c:v>45198</c:v>
                </c:pt>
                <c:pt idx="16">
                  <c:v>45228</c:v>
                </c:pt>
                <c:pt idx="17">
                  <c:v>45259</c:v>
                </c:pt>
                <c:pt idx="18">
                  <c:v>45289</c:v>
                </c:pt>
                <c:pt idx="19">
                  <c:v>45320</c:v>
                </c:pt>
                <c:pt idx="20">
                  <c:v>45351</c:v>
                </c:pt>
                <c:pt idx="21">
                  <c:v>45380</c:v>
                </c:pt>
                <c:pt idx="22">
                  <c:v>45411</c:v>
                </c:pt>
                <c:pt idx="23">
                  <c:v>45441</c:v>
                </c:pt>
                <c:pt idx="24">
                  <c:v>45472</c:v>
                </c:pt>
                <c:pt idx="25">
                  <c:v>45502</c:v>
                </c:pt>
                <c:pt idx="26">
                  <c:v>45533</c:v>
                </c:pt>
                <c:pt idx="27">
                  <c:v>45564</c:v>
                </c:pt>
                <c:pt idx="28">
                  <c:v>45594</c:v>
                </c:pt>
                <c:pt idx="29">
                  <c:v>45625</c:v>
                </c:pt>
                <c:pt idx="30">
                  <c:v>45655</c:v>
                </c:pt>
                <c:pt idx="31">
                  <c:v>45686</c:v>
                </c:pt>
                <c:pt idx="32">
                  <c:v>45717</c:v>
                </c:pt>
                <c:pt idx="33">
                  <c:v>45776</c:v>
                </c:pt>
                <c:pt idx="34">
                  <c:v>45806</c:v>
                </c:pt>
                <c:pt idx="35">
                  <c:v>45837</c:v>
                </c:pt>
                <c:pt idx="36">
                  <c:v>45867</c:v>
                </c:pt>
                <c:pt idx="37">
                  <c:v>45898</c:v>
                </c:pt>
                <c:pt idx="38">
                  <c:v>45929</c:v>
                </c:pt>
                <c:pt idx="39">
                  <c:v>45959</c:v>
                </c:pt>
                <c:pt idx="40">
                  <c:v>45990</c:v>
                </c:pt>
                <c:pt idx="41">
                  <c:v>46020</c:v>
                </c:pt>
                <c:pt idx="42">
                  <c:v>46051</c:v>
                </c:pt>
                <c:pt idx="43">
                  <c:v>46082</c:v>
                </c:pt>
                <c:pt idx="44">
                  <c:v>46141</c:v>
                </c:pt>
                <c:pt idx="45">
                  <c:v>46171</c:v>
                </c:pt>
                <c:pt idx="46">
                  <c:v>46202</c:v>
                </c:pt>
                <c:pt idx="47">
                  <c:v>46232</c:v>
                </c:pt>
                <c:pt idx="48">
                  <c:v>46263</c:v>
                </c:pt>
                <c:pt idx="49">
                  <c:v>46294</c:v>
                </c:pt>
                <c:pt idx="50">
                  <c:v>46324</c:v>
                </c:pt>
                <c:pt idx="51">
                  <c:v>46355</c:v>
                </c:pt>
                <c:pt idx="52">
                  <c:v>46385</c:v>
                </c:pt>
                <c:pt idx="53">
                  <c:v>46416</c:v>
                </c:pt>
                <c:pt idx="54">
                  <c:v>46447</c:v>
                </c:pt>
                <c:pt idx="55">
                  <c:v>46506</c:v>
                </c:pt>
                <c:pt idx="56">
                  <c:v>46536</c:v>
                </c:pt>
                <c:pt idx="57">
                  <c:v>46567</c:v>
                </c:pt>
                <c:pt idx="58">
                  <c:v>46597</c:v>
                </c:pt>
                <c:pt idx="59">
                  <c:v>46628</c:v>
                </c:pt>
                <c:pt idx="60">
                  <c:v>46659</c:v>
                </c:pt>
                <c:pt idx="61">
                  <c:v>46689</c:v>
                </c:pt>
                <c:pt idx="62">
                  <c:v>46720</c:v>
                </c:pt>
                <c:pt idx="63">
                  <c:v>46750</c:v>
                </c:pt>
                <c:pt idx="64">
                  <c:v>46781</c:v>
                </c:pt>
                <c:pt idx="65">
                  <c:v>46812</c:v>
                </c:pt>
                <c:pt idx="66">
                  <c:v>46841</c:v>
                </c:pt>
                <c:pt idx="67">
                  <c:v>46872</c:v>
                </c:pt>
                <c:pt idx="68">
                  <c:v>46902</c:v>
                </c:pt>
                <c:pt idx="69">
                  <c:v>46933</c:v>
                </c:pt>
                <c:pt idx="70">
                  <c:v>46963</c:v>
                </c:pt>
                <c:pt idx="71">
                  <c:v>46994</c:v>
                </c:pt>
                <c:pt idx="72">
                  <c:v>47025</c:v>
                </c:pt>
                <c:pt idx="73">
                  <c:v>47055</c:v>
                </c:pt>
                <c:pt idx="74">
                  <c:v>47086</c:v>
                </c:pt>
                <c:pt idx="75">
                  <c:v>47116</c:v>
                </c:pt>
                <c:pt idx="76">
                  <c:v>47147</c:v>
                </c:pt>
                <c:pt idx="77">
                  <c:v>47178</c:v>
                </c:pt>
                <c:pt idx="78">
                  <c:v>47237</c:v>
                </c:pt>
                <c:pt idx="79">
                  <c:v>47267</c:v>
                </c:pt>
                <c:pt idx="80">
                  <c:v>47298</c:v>
                </c:pt>
                <c:pt idx="81">
                  <c:v>47328</c:v>
                </c:pt>
                <c:pt idx="82">
                  <c:v>47359</c:v>
                </c:pt>
                <c:pt idx="83">
                  <c:v>47390</c:v>
                </c:pt>
              </c:numCache>
            </c:numRef>
          </c:cat>
          <c:val>
            <c:numRef>
              <c:f>Sheet1!$L$5:$L$88</c:f>
              <c:numCache>
                <c:formatCode>0.00</c:formatCode>
                <c:ptCount val="84"/>
                <c:pt idx="0">
                  <c:v>35.102067035421605</c:v>
                </c:pt>
                <c:pt idx="1">
                  <c:v>37.702009474143011</c:v>
                </c:pt>
                <c:pt idx="2">
                  <c:v>30.788316380014994</c:v>
                </c:pt>
                <c:pt idx="3">
                  <c:v>41.018206447720992</c:v>
                </c:pt>
                <c:pt idx="4">
                  <c:v>46.297366307278992</c:v>
                </c:pt>
                <c:pt idx="5">
                  <c:v>46.364838178623998</c:v>
                </c:pt>
                <c:pt idx="6">
                  <c:v>27.936818737870002</c:v>
                </c:pt>
                <c:pt idx="7">
                  <c:v>16.162711053107</c:v>
                </c:pt>
                <c:pt idx="8">
                  <c:v>28.044755692484998</c:v>
                </c:pt>
                <c:pt idx="9">
                  <c:v>39.986615778923976</c:v>
                </c:pt>
                <c:pt idx="10">
                  <c:v>26.179731794238048</c:v>
                </c:pt>
                <c:pt idx="11">
                  <c:v>30.970553812715018</c:v>
                </c:pt>
                <c:pt idx="12">
                  <c:v>19.136542968661992</c:v>
                </c:pt>
                <c:pt idx="13">
                  <c:v>19.308746433664009</c:v>
                </c:pt>
                <c:pt idx="14">
                  <c:v>17.473590189320959</c:v>
                </c:pt>
                <c:pt idx="15">
                  <c:v>14.135803078120999</c:v>
                </c:pt>
                <c:pt idx="16">
                  <c:v>11.426655278599027</c:v>
                </c:pt>
                <c:pt idx="17">
                  <c:v>7.9025595063279832</c:v>
                </c:pt>
                <c:pt idx="18">
                  <c:v>5.0164880555610134</c:v>
                </c:pt>
                <c:pt idx="19">
                  <c:v>3.0716821798430076</c:v>
                </c:pt>
                <c:pt idx="20">
                  <c:v>2.0157514412449951</c:v>
                </c:pt>
                <c:pt idx="21">
                  <c:v>2.1498330920870226</c:v>
                </c:pt>
                <c:pt idx="22">
                  <c:v>3.2685689630339647</c:v>
                </c:pt>
                <c:pt idx="23">
                  <c:v>4.945344174130013</c:v>
                </c:pt>
                <c:pt idx="24">
                  <c:v>6.6701890649260163</c:v>
                </c:pt>
                <c:pt idx="25">
                  <c:v>8.3091065033550144</c:v>
                </c:pt>
                <c:pt idx="26">
                  <c:v>9.9553385682159963</c:v>
                </c:pt>
                <c:pt idx="27">
                  <c:v>11.133961548843995</c:v>
                </c:pt>
                <c:pt idx="28">
                  <c:v>12.026705536506006</c:v>
                </c:pt>
                <c:pt idx="29">
                  <c:v>12.802319275582001</c:v>
                </c:pt>
                <c:pt idx="30">
                  <c:v>13.135171938894983</c:v>
                </c:pt>
                <c:pt idx="31">
                  <c:v>13.115679482469007</c:v>
                </c:pt>
                <c:pt idx="32">
                  <c:v>12.849113517379996</c:v>
                </c:pt>
                <c:pt idx="33">
                  <c:v>11.854630846108993</c:v>
                </c:pt>
                <c:pt idx="34">
                  <c:v>11.316493164436995</c:v>
                </c:pt>
                <c:pt idx="35">
                  <c:v>10.640855194051015</c:v>
                </c:pt>
                <c:pt idx="36">
                  <c:v>10.209280285017989</c:v>
                </c:pt>
                <c:pt idx="37">
                  <c:v>10.071782356829011</c:v>
                </c:pt>
                <c:pt idx="38">
                  <c:v>9.8688471150299932</c:v>
                </c:pt>
                <c:pt idx="39">
                  <c:v>9.7680675688190117</c:v>
                </c:pt>
                <c:pt idx="40">
                  <c:v>9.9579025070509886</c:v>
                </c:pt>
                <c:pt idx="41">
                  <c:v>10.094939269544023</c:v>
                </c:pt>
                <c:pt idx="42">
                  <c:v>10.35625012536897</c:v>
                </c:pt>
                <c:pt idx="43">
                  <c:v>10.804026044677999</c:v>
                </c:pt>
                <c:pt idx="44">
                  <c:v>11.575071046432996</c:v>
                </c:pt>
                <c:pt idx="45">
                  <c:v>12.130675944703983</c:v>
                </c:pt>
                <c:pt idx="46">
                  <c:v>12.509362364937008</c:v>
                </c:pt>
                <c:pt idx="47">
                  <c:v>12.871563874722984</c:v>
                </c:pt>
                <c:pt idx="48">
                  <c:v>13.342214631562008</c:v>
                </c:pt>
                <c:pt idx="49">
                  <c:v>13.586772186836987</c:v>
                </c:pt>
                <c:pt idx="50">
                  <c:v>13.814511374101029</c:v>
                </c:pt>
                <c:pt idx="51">
                  <c:v>14.116834697255019</c:v>
                </c:pt>
                <c:pt idx="52">
                  <c:v>14.170339276628024</c:v>
                </c:pt>
                <c:pt idx="53">
                  <c:v>14.19270329789498</c:v>
                </c:pt>
                <c:pt idx="54">
                  <c:v>14.293402057399991</c:v>
                </c:pt>
                <c:pt idx="55">
                  <c:v>13.911571474107994</c:v>
                </c:pt>
                <c:pt idx="56">
                  <c:v>13.818941426024002</c:v>
                </c:pt>
                <c:pt idx="57">
                  <c:v>13.606843678098009</c:v>
                </c:pt>
                <c:pt idx="58">
                  <c:v>13.492173771035981</c:v>
                </c:pt>
                <c:pt idx="59">
                  <c:v>13.542590159899975</c:v>
                </c:pt>
                <c:pt idx="60">
                  <c:v>13.468871140831991</c:v>
                </c:pt>
                <c:pt idx="61">
                  <c:v>13.437027983501</c:v>
                </c:pt>
                <c:pt idx="62">
                  <c:v>13.603706591143981</c:v>
                </c:pt>
                <c:pt idx="63">
                  <c:v>13.580487539208985</c:v>
                </c:pt>
                <c:pt idx="64">
                  <c:v>13.588342207847999</c:v>
                </c:pt>
                <c:pt idx="65">
                  <c:v>13.76062366178401</c:v>
                </c:pt>
                <c:pt idx="66">
                  <c:v>13.717185394626005</c:v>
                </c:pt>
                <c:pt idx="67">
                  <c:v>13.690971896137029</c:v>
                </c:pt>
                <c:pt idx="68">
                  <c:v>13.809235517176013</c:v>
                </c:pt>
                <c:pt idx="69">
                  <c:v>13.713166196768004</c:v>
                </c:pt>
                <c:pt idx="70">
                  <c:v>13.637567288399994</c:v>
                </c:pt>
                <c:pt idx="71">
                  <c:v>13.708607475628014</c:v>
                </c:pt>
                <c:pt idx="72">
                  <c:v>13.526811133113998</c:v>
                </c:pt>
                <c:pt idx="73">
                  <c:v>13.427356154423025</c:v>
                </c:pt>
                <c:pt idx="74">
                  <c:v>13.406890890476989</c:v>
                </c:pt>
                <c:pt idx="75">
                  <c:v>13.11203487391499</c:v>
                </c:pt>
                <c:pt idx="76">
                  <c:v>12.867833572295027</c:v>
                </c:pt>
                <c:pt idx="77">
                  <c:v>12.648145029876025</c:v>
                </c:pt>
                <c:pt idx="78">
                  <c:v>11.723073417417018</c:v>
                </c:pt>
                <c:pt idx="79">
                  <c:v>11.431040101560001</c:v>
                </c:pt>
                <c:pt idx="80">
                  <c:v>10.920531286997999</c:v>
                </c:pt>
                <c:pt idx="81">
                  <c:v>10.602440765985973</c:v>
                </c:pt>
                <c:pt idx="82">
                  <c:v>10.428022561508008</c:v>
                </c:pt>
                <c:pt idx="83">
                  <c:v>10.065990475973015</c:v>
                </c:pt>
              </c:numCache>
            </c:numRef>
          </c:val>
          <c:extLst>
            <c:ext xmlns:c16="http://schemas.microsoft.com/office/drawing/2014/chart" uri="{C3380CC4-5D6E-409C-BE32-E72D297353CC}">
              <c16:uniqueId val="{00000000-8BEC-4F80-9C7F-92CFEE3D9EC3}"/>
            </c:ext>
          </c:extLst>
        </c:ser>
        <c:dLbls>
          <c:showLegendKey val="0"/>
          <c:showVal val="0"/>
          <c:showCatName val="0"/>
          <c:showSerName val="0"/>
          <c:showPercent val="0"/>
          <c:showBubbleSize val="0"/>
        </c:dLbls>
        <c:axId val="672715903"/>
        <c:axId val="672731295"/>
      </c:areaChart>
      <c:scatterChart>
        <c:scatterStyle val="lineMarker"/>
        <c:varyColors val="0"/>
        <c:ser>
          <c:idx val="0"/>
          <c:order val="0"/>
          <c:tx>
            <c:v>1-month SOFR Compound</c:v>
          </c:tx>
          <c:spPr>
            <a:ln w="25400" cap="rnd">
              <a:solidFill>
                <a:schemeClr val="accent1"/>
              </a:solidFill>
              <a:round/>
            </a:ln>
            <a:effectLst/>
          </c:spPr>
          <c:marker>
            <c:symbol val="none"/>
          </c:marker>
          <c:xVal>
            <c:numRef>
              <c:f>Sheet1!$A$5:$A$88</c:f>
              <c:numCache>
                <c:formatCode>m/d/yyyy</c:formatCode>
                <c:ptCount val="84"/>
                <c:pt idx="0">
                  <c:v>44710</c:v>
                </c:pt>
                <c:pt idx="1">
                  <c:v>44741</c:v>
                </c:pt>
                <c:pt idx="2">
                  <c:v>44771</c:v>
                </c:pt>
                <c:pt idx="3">
                  <c:v>44802</c:v>
                </c:pt>
                <c:pt idx="4">
                  <c:v>44833</c:v>
                </c:pt>
                <c:pt idx="5">
                  <c:v>44863</c:v>
                </c:pt>
                <c:pt idx="6">
                  <c:v>44894</c:v>
                </c:pt>
                <c:pt idx="7">
                  <c:v>44924</c:v>
                </c:pt>
                <c:pt idx="8">
                  <c:v>44955</c:v>
                </c:pt>
                <c:pt idx="9">
                  <c:v>44986</c:v>
                </c:pt>
                <c:pt idx="10">
                  <c:v>45045</c:v>
                </c:pt>
                <c:pt idx="11">
                  <c:v>45075</c:v>
                </c:pt>
                <c:pt idx="12">
                  <c:v>45106</c:v>
                </c:pt>
                <c:pt idx="13">
                  <c:v>45136</c:v>
                </c:pt>
                <c:pt idx="14">
                  <c:v>45167</c:v>
                </c:pt>
                <c:pt idx="15">
                  <c:v>45198</c:v>
                </c:pt>
                <c:pt idx="16">
                  <c:v>45228</c:v>
                </c:pt>
                <c:pt idx="17">
                  <c:v>45259</c:v>
                </c:pt>
                <c:pt idx="18">
                  <c:v>45289</c:v>
                </c:pt>
                <c:pt idx="19">
                  <c:v>45320</c:v>
                </c:pt>
                <c:pt idx="20">
                  <c:v>45351</c:v>
                </c:pt>
                <c:pt idx="21">
                  <c:v>45380</c:v>
                </c:pt>
                <c:pt idx="22">
                  <c:v>45411</c:v>
                </c:pt>
                <c:pt idx="23">
                  <c:v>45441</c:v>
                </c:pt>
                <c:pt idx="24">
                  <c:v>45472</c:v>
                </c:pt>
                <c:pt idx="25">
                  <c:v>45502</c:v>
                </c:pt>
                <c:pt idx="26">
                  <c:v>45533</c:v>
                </c:pt>
                <c:pt idx="27">
                  <c:v>45564</c:v>
                </c:pt>
                <c:pt idx="28">
                  <c:v>45594</c:v>
                </c:pt>
                <c:pt idx="29">
                  <c:v>45625</c:v>
                </c:pt>
                <c:pt idx="30">
                  <c:v>45655</c:v>
                </c:pt>
                <c:pt idx="31">
                  <c:v>45686</c:v>
                </c:pt>
                <c:pt idx="32">
                  <c:v>45717</c:v>
                </c:pt>
                <c:pt idx="33">
                  <c:v>45776</c:v>
                </c:pt>
                <c:pt idx="34">
                  <c:v>45806</c:v>
                </c:pt>
                <c:pt idx="35">
                  <c:v>45837</c:v>
                </c:pt>
                <c:pt idx="36">
                  <c:v>45867</c:v>
                </c:pt>
                <c:pt idx="37">
                  <c:v>45898</c:v>
                </c:pt>
                <c:pt idx="38">
                  <c:v>45929</c:v>
                </c:pt>
                <c:pt idx="39">
                  <c:v>45959</c:v>
                </c:pt>
                <c:pt idx="40">
                  <c:v>45990</c:v>
                </c:pt>
                <c:pt idx="41">
                  <c:v>46020</c:v>
                </c:pt>
                <c:pt idx="42">
                  <c:v>46051</c:v>
                </c:pt>
                <c:pt idx="43">
                  <c:v>46082</c:v>
                </c:pt>
                <c:pt idx="44">
                  <c:v>46141</c:v>
                </c:pt>
                <c:pt idx="45">
                  <c:v>46171</c:v>
                </c:pt>
                <c:pt idx="46">
                  <c:v>46202</c:v>
                </c:pt>
                <c:pt idx="47">
                  <c:v>46232</c:v>
                </c:pt>
                <c:pt idx="48">
                  <c:v>46263</c:v>
                </c:pt>
                <c:pt idx="49">
                  <c:v>46294</c:v>
                </c:pt>
                <c:pt idx="50">
                  <c:v>46324</c:v>
                </c:pt>
                <c:pt idx="51">
                  <c:v>46355</c:v>
                </c:pt>
                <c:pt idx="52">
                  <c:v>46385</c:v>
                </c:pt>
                <c:pt idx="53">
                  <c:v>46416</c:v>
                </c:pt>
                <c:pt idx="54">
                  <c:v>46447</c:v>
                </c:pt>
                <c:pt idx="55">
                  <c:v>46506</c:v>
                </c:pt>
                <c:pt idx="56">
                  <c:v>46536</c:v>
                </c:pt>
                <c:pt idx="57">
                  <c:v>46567</c:v>
                </c:pt>
                <c:pt idx="58">
                  <c:v>46597</c:v>
                </c:pt>
                <c:pt idx="59">
                  <c:v>46628</c:v>
                </c:pt>
                <c:pt idx="60">
                  <c:v>46659</c:v>
                </c:pt>
                <c:pt idx="61">
                  <c:v>46689</c:v>
                </c:pt>
                <c:pt idx="62">
                  <c:v>46720</c:v>
                </c:pt>
                <c:pt idx="63">
                  <c:v>46750</c:v>
                </c:pt>
                <c:pt idx="64">
                  <c:v>46781</c:v>
                </c:pt>
                <c:pt idx="65">
                  <c:v>46812</c:v>
                </c:pt>
                <c:pt idx="66">
                  <c:v>46841</c:v>
                </c:pt>
                <c:pt idx="67">
                  <c:v>46872</c:v>
                </c:pt>
                <c:pt idx="68">
                  <c:v>46902</c:v>
                </c:pt>
                <c:pt idx="69">
                  <c:v>46933</c:v>
                </c:pt>
                <c:pt idx="70">
                  <c:v>46963</c:v>
                </c:pt>
                <c:pt idx="71">
                  <c:v>46994</c:v>
                </c:pt>
                <c:pt idx="72">
                  <c:v>47025</c:v>
                </c:pt>
                <c:pt idx="73">
                  <c:v>47055</c:v>
                </c:pt>
                <c:pt idx="74">
                  <c:v>47086</c:v>
                </c:pt>
                <c:pt idx="75">
                  <c:v>47116</c:v>
                </c:pt>
                <c:pt idx="76">
                  <c:v>47147</c:v>
                </c:pt>
                <c:pt idx="77">
                  <c:v>47178</c:v>
                </c:pt>
                <c:pt idx="78">
                  <c:v>47237</c:v>
                </c:pt>
                <c:pt idx="79">
                  <c:v>47267</c:v>
                </c:pt>
                <c:pt idx="80">
                  <c:v>47298</c:v>
                </c:pt>
                <c:pt idx="81">
                  <c:v>47328</c:v>
                </c:pt>
                <c:pt idx="82">
                  <c:v>47359</c:v>
                </c:pt>
                <c:pt idx="83">
                  <c:v>47390</c:v>
                </c:pt>
              </c:numCache>
            </c:numRef>
          </c:xVal>
          <c:yVal>
            <c:numRef>
              <c:f>Sheet1!$J$5:$J$88</c:f>
              <c:numCache>
                <c:formatCode>0.000%</c:formatCode>
                <c:ptCount val="84"/>
                <c:pt idx="0">
                  <c:v>7.7688064073222398E-3</c:v>
                </c:pt>
                <c:pt idx="1">
                  <c:v>1.19070791386733E-2</c:v>
                </c:pt>
                <c:pt idx="2">
                  <c:v>1.63281366478518E-2</c:v>
                </c:pt>
                <c:pt idx="3">
                  <c:v>1.84466997549038E-2</c:v>
                </c:pt>
                <c:pt idx="4">
                  <c:v>2.05776791853385E-2</c:v>
                </c:pt>
                <c:pt idx="5">
                  <c:v>2.2438015961965301E-2</c:v>
                </c:pt>
                <c:pt idx="6">
                  <c:v>2.5828742451388099E-2</c:v>
                </c:pt>
                <c:pt idx="7">
                  <c:v>2.83402175762149E-2</c:v>
                </c:pt>
                <c:pt idx="8">
                  <c:v>2.8340961269748301E-2</c:v>
                </c:pt>
                <c:pt idx="9">
                  <c:v>2.83402175762149E-2</c:v>
                </c:pt>
                <c:pt idx="10">
                  <c:v>3.1376255683355198E-2</c:v>
                </c:pt>
                <c:pt idx="11">
                  <c:v>3.1375458180089598E-2</c:v>
                </c:pt>
                <c:pt idx="12">
                  <c:v>3.2829868791974803E-2</c:v>
                </c:pt>
                <c:pt idx="13">
                  <c:v>3.2831864779101501E-2</c:v>
                </c:pt>
                <c:pt idx="14">
                  <c:v>3.2829868791974803E-2</c:v>
                </c:pt>
                <c:pt idx="15">
                  <c:v>3.27619716648542E-2</c:v>
                </c:pt>
                <c:pt idx="16">
                  <c:v>3.2561772533723499E-2</c:v>
                </c:pt>
                <c:pt idx="17">
                  <c:v>3.2345016436270399E-2</c:v>
                </c:pt>
                <c:pt idx="18">
                  <c:v>3.2120848824170899E-2</c:v>
                </c:pt>
                <c:pt idx="19">
                  <c:v>3.1889754745364499E-2</c:v>
                </c:pt>
                <c:pt idx="20">
                  <c:v>3.1645106086512997E-2</c:v>
                </c:pt>
                <c:pt idx="21">
                  <c:v>3.1402559931965598E-2</c:v>
                </c:pt>
                <c:pt idx="22">
                  <c:v>3.1146157001344901E-2</c:v>
                </c:pt>
                <c:pt idx="23">
                  <c:v>3.0888995266398201E-2</c:v>
                </c:pt>
                <c:pt idx="24">
                  <c:v>3.0627088620320798E-2</c:v>
                </c:pt>
                <c:pt idx="25">
                  <c:v>3.0388631042663799E-2</c:v>
                </c:pt>
                <c:pt idx="26">
                  <c:v>3.0146315318697599E-2</c:v>
                </c:pt>
                <c:pt idx="27">
                  <c:v>2.99104233418124E-2</c:v>
                </c:pt>
                <c:pt idx="28">
                  <c:v>2.96930498405867E-2</c:v>
                </c:pt>
                <c:pt idx="29">
                  <c:v>2.9470174169681201E-2</c:v>
                </c:pt>
                <c:pt idx="30">
                  <c:v>2.92695906763463E-2</c:v>
                </c:pt>
                <c:pt idx="31">
                  <c:v>2.90685024738036E-2</c:v>
                </c:pt>
                <c:pt idx="32">
                  <c:v>2.88715138533213E-2</c:v>
                </c:pt>
                <c:pt idx="33">
                  <c:v>2.85262661678676E-2</c:v>
                </c:pt>
                <c:pt idx="34">
                  <c:v>2.83606270392944E-2</c:v>
                </c:pt>
                <c:pt idx="35">
                  <c:v>2.8196431456990498E-2</c:v>
                </c:pt>
                <c:pt idx="36">
                  <c:v>2.8047120497767301E-2</c:v>
                </c:pt>
                <c:pt idx="37">
                  <c:v>2.78973102243807E-2</c:v>
                </c:pt>
                <c:pt idx="38">
                  <c:v>2.7760474539038099E-2</c:v>
                </c:pt>
                <c:pt idx="39">
                  <c:v>2.7633356302620999E-2</c:v>
                </c:pt>
                <c:pt idx="40">
                  <c:v>2.7508777217812901E-2</c:v>
                </c:pt>
                <c:pt idx="41">
                  <c:v>2.7398175437038898E-2</c:v>
                </c:pt>
                <c:pt idx="42">
                  <c:v>2.7290624723663701E-2</c:v>
                </c:pt>
                <c:pt idx="43">
                  <c:v>2.7190802521959101E-2</c:v>
                </c:pt>
                <c:pt idx="44">
                  <c:v>2.7024076756045901E-2</c:v>
                </c:pt>
                <c:pt idx="45">
                  <c:v>2.6950025572993801E-2</c:v>
                </c:pt>
                <c:pt idx="46">
                  <c:v>2.6882067118636499E-2</c:v>
                </c:pt>
                <c:pt idx="47">
                  <c:v>2.6823681763366001E-2</c:v>
                </c:pt>
                <c:pt idx="48">
                  <c:v>2.6771579745146198E-2</c:v>
                </c:pt>
                <c:pt idx="49">
                  <c:v>2.6726953432820701E-2</c:v>
                </c:pt>
                <c:pt idx="50">
                  <c:v>2.6691730720234098E-2</c:v>
                </c:pt>
                <c:pt idx="51">
                  <c:v>2.66636695656963E-2</c:v>
                </c:pt>
                <c:pt idx="52">
                  <c:v>2.6643403909680799E-2</c:v>
                </c:pt>
                <c:pt idx="53">
                  <c:v>2.66325126194644E-2</c:v>
                </c:pt>
                <c:pt idx="54">
                  <c:v>2.6626284516417801E-2</c:v>
                </c:pt>
                <c:pt idx="55">
                  <c:v>2.6639949623303801E-2</c:v>
                </c:pt>
                <c:pt idx="56">
                  <c:v>2.6657007071371201E-2</c:v>
                </c:pt>
                <c:pt idx="57">
                  <c:v>2.6671276694001399E-2</c:v>
                </c:pt>
                <c:pt idx="58">
                  <c:v>2.6686621914136E-2</c:v>
                </c:pt>
                <c:pt idx="59">
                  <c:v>2.6703236170906301E-2</c:v>
                </c:pt>
                <c:pt idx="60">
                  <c:v>2.6718118329451802E-2</c:v>
                </c:pt>
                <c:pt idx="61">
                  <c:v>2.67357421219039E-2</c:v>
                </c:pt>
                <c:pt idx="62">
                  <c:v>2.6748821245581301E-2</c:v>
                </c:pt>
                <c:pt idx="63">
                  <c:v>2.6763817162729402E-2</c:v>
                </c:pt>
                <c:pt idx="64">
                  <c:v>2.67808998787178E-2</c:v>
                </c:pt>
                <c:pt idx="65">
                  <c:v>2.679459168478E-2</c:v>
                </c:pt>
                <c:pt idx="66">
                  <c:v>2.6808885804108201E-2</c:v>
                </c:pt>
                <c:pt idx="67">
                  <c:v>2.6825753675270299E-2</c:v>
                </c:pt>
                <c:pt idx="68">
                  <c:v>2.6838743847745799E-2</c:v>
                </c:pt>
                <c:pt idx="69">
                  <c:v>2.6853809087681299E-2</c:v>
                </c:pt>
                <c:pt idx="70">
                  <c:v>2.6869977224546201E-2</c:v>
                </c:pt>
                <c:pt idx="71">
                  <c:v>2.6883240052626399E-2</c:v>
                </c:pt>
                <c:pt idx="72">
                  <c:v>2.6900575847239601E-2</c:v>
                </c:pt>
                <c:pt idx="73">
                  <c:v>2.6913216922608299E-2</c:v>
                </c:pt>
                <c:pt idx="74">
                  <c:v>2.69270921385889E-2</c:v>
                </c:pt>
                <c:pt idx="75">
                  <c:v>2.69437395912853E-2</c:v>
                </c:pt>
                <c:pt idx="76">
                  <c:v>2.6955812852795798E-2</c:v>
                </c:pt>
                <c:pt idx="77">
                  <c:v>2.6970300105633199E-2</c:v>
                </c:pt>
                <c:pt idx="78">
                  <c:v>2.6998499288435299E-2</c:v>
                </c:pt>
                <c:pt idx="79">
                  <c:v>2.7011486161159198E-2</c:v>
                </c:pt>
                <c:pt idx="80">
                  <c:v>2.7028176248364798E-2</c:v>
                </c:pt>
                <c:pt idx="81">
                  <c:v>2.7040195139749201E-2</c:v>
                </c:pt>
                <c:pt idx="82">
                  <c:v>2.70534268932465E-2</c:v>
                </c:pt>
                <c:pt idx="83">
                  <c:v>2.7069070737679699E-2</c:v>
                </c:pt>
              </c:numCache>
            </c:numRef>
          </c:yVal>
          <c:smooth val="0"/>
          <c:extLst>
            <c:ext xmlns:c16="http://schemas.microsoft.com/office/drawing/2014/chart" uri="{C3380CC4-5D6E-409C-BE32-E72D297353CC}">
              <c16:uniqueId val="{00000001-8BEC-4F80-9C7F-92CFEE3D9EC3}"/>
            </c:ext>
          </c:extLst>
        </c:ser>
        <c:ser>
          <c:idx val="1"/>
          <c:order val="1"/>
          <c:tx>
            <c:v>1-month LIBOR</c:v>
          </c:tx>
          <c:spPr>
            <a:ln w="25400" cap="rnd">
              <a:solidFill>
                <a:srgbClr val="8D0E57"/>
              </a:solidFill>
              <a:round/>
            </a:ln>
            <a:effectLst/>
          </c:spPr>
          <c:marker>
            <c:symbol val="none"/>
          </c:marker>
          <c:xVal>
            <c:numRef>
              <c:f>Sheet1!$A$5:$A$88</c:f>
              <c:numCache>
                <c:formatCode>m/d/yyyy</c:formatCode>
                <c:ptCount val="84"/>
                <c:pt idx="0">
                  <c:v>44710</c:v>
                </c:pt>
                <c:pt idx="1">
                  <c:v>44741</c:v>
                </c:pt>
                <c:pt idx="2">
                  <c:v>44771</c:v>
                </c:pt>
                <c:pt idx="3">
                  <c:v>44802</c:v>
                </c:pt>
                <c:pt idx="4">
                  <c:v>44833</c:v>
                </c:pt>
                <c:pt idx="5">
                  <c:v>44863</c:v>
                </c:pt>
                <c:pt idx="6">
                  <c:v>44894</c:v>
                </c:pt>
                <c:pt idx="7">
                  <c:v>44924</c:v>
                </c:pt>
                <c:pt idx="8">
                  <c:v>44955</c:v>
                </c:pt>
                <c:pt idx="9">
                  <c:v>44986</c:v>
                </c:pt>
                <c:pt idx="10">
                  <c:v>45045</c:v>
                </c:pt>
                <c:pt idx="11">
                  <c:v>45075</c:v>
                </c:pt>
                <c:pt idx="12">
                  <c:v>45106</c:v>
                </c:pt>
                <c:pt idx="13">
                  <c:v>45136</c:v>
                </c:pt>
                <c:pt idx="14">
                  <c:v>45167</c:v>
                </c:pt>
                <c:pt idx="15">
                  <c:v>45198</c:v>
                </c:pt>
                <c:pt idx="16">
                  <c:v>45228</c:v>
                </c:pt>
                <c:pt idx="17">
                  <c:v>45259</c:v>
                </c:pt>
                <c:pt idx="18">
                  <c:v>45289</c:v>
                </c:pt>
                <c:pt idx="19">
                  <c:v>45320</c:v>
                </c:pt>
                <c:pt idx="20">
                  <c:v>45351</c:v>
                </c:pt>
                <c:pt idx="21">
                  <c:v>45380</c:v>
                </c:pt>
                <c:pt idx="22">
                  <c:v>45411</c:v>
                </c:pt>
                <c:pt idx="23">
                  <c:v>45441</c:v>
                </c:pt>
                <c:pt idx="24">
                  <c:v>45472</c:v>
                </c:pt>
                <c:pt idx="25">
                  <c:v>45502</c:v>
                </c:pt>
                <c:pt idx="26">
                  <c:v>45533</c:v>
                </c:pt>
                <c:pt idx="27">
                  <c:v>45564</c:v>
                </c:pt>
                <c:pt idx="28">
                  <c:v>45594</c:v>
                </c:pt>
                <c:pt idx="29">
                  <c:v>45625</c:v>
                </c:pt>
                <c:pt idx="30">
                  <c:v>45655</c:v>
                </c:pt>
                <c:pt idx="31">
                  <c:v>45686</c:v>
                </c:pt>
                <c:pt idx="32">
                  <c:v>45717</c:v>
                </c:pt>
                <c:pt idx="33">
                  <c:v>45776</c:v>
                </c:pt>
                <c:pt idx="34">
                  <c:v>45806</c:v>
                </c:pt>
                <c:pt idx="35">
                  <c:v>45837</c:v>
                </c:pt>
                <c:pt idx="36">
                  <c:v>45867</c:v>
                </c:pt>
                <c:pt idx="37">
                  <c:v>45898</c:v>
                </c:pt>
                <c:pt idx="38">
                  <c:v>45929</c:v>
                </c:pt>
                <c:pt idx="39">
                  <c:v>45959</c:v>
                </c:pt>
                <c:pt idx="40">
                  <c:v>45990</c:v>
                </c:pt>
                <c:pt idx="41">
                  <c:v>46020</c:v>
                </c:pt>
                <c:pt idx="42">
                  <c:v>46051</c:v>
                </c:pt>
                <c:pt idx="43">
                  <c:v>46082</c:v>
                </c:pt>
                <c:pt idx="44">
                  <c:v>46141</c:v>
                </c:pt>
                <c:pt idx="45">
                  <c:v>46171</c:v>
                </c:pt>
                <c:pt idx="46">
                  <c:v>46202</c:v>
                </c:pt>
                <c:pt idx="47">
                  <c:v>46232</c:v>
                </c:pt>
                <c:pt idx="48">
                  <c:v>46263</c:v>
                </c:pt>
                <c:pt idx="49">
                  <c:v>46294</c:v>
                </c:pt>
                <c:pt idx="50">
                  <c:v>46324</c:v>
                </c:pt>
                <c:pt idx="51">
                  <c:v>46355</c:v>
                </c:pt>
                <c:pt idx="52">
                  <c:v>46385</c:v>
                </c:pt>
                <c:pt idx="53">
                  <c:v>46416</c:v>
                </c:pt>
                <c:pt idx="54">
                  <c:v>46447</c:v>
                </c:pt>
                <c:pt idx="55">
                  <c:v>46506</c:v>
                </c:pt>
                <c:pt idx="56">
                  <c:v>46536</c:v>
                </c:pt>
                <c:pt idx="57">
                  <c:v>46567</c:v>
                </c:pt>
                <c:pt idx="58">
                  <c:v>46597</c:v>
                </c:pt>
                <c:pt idx="59">
                  <c:v>46628</c:v>
                </c:pt>
                <c:pt idx="60">
                  <c:v>46659</c:v>
                </c:pt>
                <c:pt idx="61">
                  <c:v>46689</c:v>
                </c:pt>
                <c:pt idx="62">
                  <c:v>46720</c:v>
                </c:pt>
                <c:pt idx="63">
                  <c:v>46750</c:v>
                </c:pt>
                <c:pt idx="64">
                  <c:v>46781</c:v>
                </c:pt>
                <c:pt idx="65">
                  <c:v>46812</c:v>
                </c:pt>
                <c:pt idx="66">
                  <c:v>46841</c:v>
                </c:pt>
                <c:pt idx="67">
                  <c:v>46872</c:v>
                </c:pt>
                <c:pt idx="68">
                  <c:v>46902</c:v>
                </c:pt>
                <c:pt idx="69">
                  <c:v>46933</c:v>
                </c:pt>
                <c:pt idx="70">
                  <c:v>46963</c:v>
                </c:pt>
                <c:pt idx="71">
                  <c:v>46994</c:v>
                </c:pt>
                <c:pt idx="72">
                  <c:v>47025</c:v>
                </c:pt>
                <c:pt idx="73">
                  <c:v>47055</c:v>
                </c:pt>
                <c:pt idx="74">
                  <c:v>47086</c:v>
                </c:pt>
                <c:pt idx="75">
                  <c:v>47116</c:v>
                </c:pt>
                <c:pt idx="76">
                  <c:v>47147</c:v>
                </c:pt>
                <c:pt idx="77">
                  <c:v>47178</c:v>
                </c:pt>
                <c:pt idx="78">
                  <c:v>47237</c:v>
                </c:pt>
                <c:pt idx="79">
                  <c:v>47267</c:v>
                </c:pt>
                <c:pt idx="80">
                  <c:v>47298</c:v>
                </c:pt>
                <c:pt idx="81">
                  <c:v>47328</c:v>
                </c:pt>
                <c:pt idx="82">
                  <c:v>47359</c:v>
                </c:pt>
                <c:pt idx="83">
                  <c:v>47390</c:v>
                </c:pt>
              </c:numCache>
            </c:numRef>
          </c:xVal>
          <c:yVal>
            <c:numRef>
              <c:f>Sheet1!$F$5:$F$88</c:f>
              <c:numCache>
                <c:formatCode>0.000%</c:formatCode>
                <c:ptCount val="84"/>
                <c:pt idx="0">
                  <c:v>1.12790131108644E-2</c:v>
                </c:pt>
                <c:pt idx="1">
                  <c:v>1.5677280086087601E-2</c:v>
                </c:pt>
                <c:pt idx="2">
                  <c:v>1.9406968285853299E-2</c:v>
                </c:pt>
                <c:pt idx="3">
                  <c:v>2.2548520399675899E-2</c:v>
                </c:pt>
                <c:pt idx="4">
                  <c:v>2.5207415816066399E-2</c:v>
                </c:pt>
                <c:pt idx="5">
                  <c:v>2.7074499779827701E-2</c:v>
                </c:pt>
                <c:pt idx="6">
                  <c:v>2.8622424325175099E-2</c:v>
                </c:pt>
                <c:pt idx="7">
                  <c:v>2.99564886815256E-2</c:v>
                </c:pt>
                <c:pt idx="8">
                  <c:v>3.1145436838996801E-2</c:v>
                </c:pt>
                <c:pt idx="9">
                  <c:v>3.2338879154107297E-2</c:v>
                </c:pt>
                <c:pt idx="10">
                  <c:v>3.3994228862779002E-2</c:v>
                </c:pt>
                <c:pt idx="11">
                  <c:v>3.44725135613611E-2</c:v>
                </c:pt>
                <c:pt idx="12">
                  <c:v>3.4743523088841002E-2</c:v>
                </c:pt>
                <c:pt idx="13">
                  <c:v>3.4762739422467902E-2</c:v>
                </c:pt>
                <c:pt idx="14">
                  <c:v>3.4577227810906899E-2</c:v>
                </c:pt>
                <c:pt idx="15">
                  <c:v>3.41755519726663E-2</c:v>
                </c:pt>
                <c:pt idx="16">
                  <c:v>3.3704438061583401E-2</c:v>
                </c:pt>
                <c:pt idx="17">
                  <c:v>3.3135272386903197E-2</c:v>
                </c:pt>
                <c:pt idx="18">
                  <c:v>3.2622497629727E-2</c:v>
                </c:pt>
                <c:pt idx="19">
                  <c:v>3.2196922963348799E-2</c:v>
                </c:pt>
                <c:pt idx="20">
                  <c:v>3.1846681230637497E-2</c:v>
                </c:pt>
                <c:pt idx="21">
                  <c:v>3.1617543241174301E-2</c:v>
                </c:pt>
                <c:pt idx="22">
                  <c:v>3.1473013897648297E-2</c:v>
                </c:pt>
                <c:pt idx="23">
                  <c:v>3.1383529683811202E-2</c:v>
                </c:pt>
                <c:pt idx="24">
                  <c:v>3.12941075268134E-2</c:v>
                </c:pt>
                <c:pt idx="25">
                  <c:v>3.12195416929993E-2</c:v>
                </c:pt>
                <c:pt idx="26">
                  <c:v>3.1141849175519199E-2</c:v>
                </c:pt>
                <c:pt idx="27">
                  <c:v>3.1023819496696799E-2</c:v>
                </c:pt>
                <c:pt idx="28">
                  <c:v>3.0895720394237301E-2</c:v>
                </c:pt>
                <c:pt idx="29">
                  <c:v>3.0750406097239402E-2</c:v>
                </c:pt>
                <c:pt idx="30">
                  <c:v>3.0583107870235798E-2</c:v>
                </c:pt>
                <c:pt idx="31">
                  <c:v>3.0380070422050501E-2</c:v>
                </c:pt>
                <c:pt idx="32">
                  <c:v>3.01564252050593E-2</c:v>
                </c:pt>
                <c:pt idx="33">
                  <c:v>2.9711729252478499E-2</c:v>
                </c:pt>
                <c:pt idx="34">
                  <c:v>2.94922763557381E-2</c:v>
                </c:pt>
                <c:pt idx="35">
                  <c:v>2.92605169763956E-2</c:v>
                </c:pt>
                <c:pt idx="36">
                  <c:v>2.90680485262691E-2</c:v>
                </c:pt>
                <c:pt idx="37">
                  <c:v>2.8904488460063601E-2</c:v>
                </c:pt>
                <c:pt idx="38">
                  <c:v>2.8747359250541098E-2</c:v>
                </c:pt>
                <c:pt idx="39">
                  <c:v>2.86101630595029E-2</c:v>
                </c:pt>
                <c:pt idx="40">
                  <c:v>2.8504567468518E-2</c:v>
                </c:pt>
                <c:pt idx="41">
                  <c:v>2.8407669363993301E-2</c:v>
                </c:pt>
                <c:pt idx="42">
                  <c:v>2.8326249736200598E-2</c:v>
                </c:pt>
                <c:pt idx="43">
                  <c:v>2.8271205126426901E-2</c:v>
                </c:pt>
                <c:pt idx="44">
                  <c:v>2.81815838606892E-2</c:v>
                </c:pt>
                <c:pt idx="45">
                  <c:v>2.8163093167464199E-2</c:v>
                </c:pt>
                <c:pt idx="46">
                  <c:v>2.81330033551302E-2</c:v>
                </c:pt>
                <c:pt idx="47">
                  <c:v>2.8110838150838299E-2</c:v>
                </c:pt>
                <c:pt idx="48">
                  <c:v>2.8105801208302399E-2</c:v>
                </c:pt>
                <c:pt idx="49">
                  <c:v>2.8085630651504399E-2</c:v>
                </c:pt>
                <c:pt idx="50">
                  <c:v>2.8073181857644201E-2</c:v>
                </c:pt>
                <c:pt idx="51">
                  <c:v>2.8075353035421802E-2</c:v>
                </c:pt>
                <c:pt idx="52">
                  <c:v>2.8060437837343601E-2</c:v>
                </c:pt>
                <c:pt idx="53">
                  <c:v>2.8051782949253899E-2</c:v>
                </c:pt>
                <c:pt idx="54">
                  <c:v>2.80556247221578E-2</c:v>
                </c:pt>
                <c:pt idx="55">
                  <c:v>2.80311067707146E-2</c:v>
                </c:pt>
                <c:pt idx="56">
                  <c:v>2.8038901213973601E-2</c:v>
                </c:pt>
                <c:pt idx="57">
                  <c:v>2.80319610618112E-2</c:v>
                </c:pt>
                <c:pt idx="58">
                  <c:v>2.8035839291239598E-2</c:v>
                </c:pt>
                <c:pt idx="59">
                  <c:v>2.8057495186896299E-2</c:v>
                </c:pt>
                <c:pt idx="60">
                  <c:v>2.8065005443535001E-2</c:v>
                </c:pt>
                <c:pt idx="61">
                  <c:v>2.8079444920254E-2</c:v>
                </c:pt>
                <c:pt idx="62">
                  <c:v>2.8109191904695699E-2</c:v>
                </c:pt>
                <c:pt idx="63">
                  <c:v>2.81218659166503E-2</c:v>
                </c:pt>
                <c:pt idx="64">
                  <c:v>2.81397340995026E-2</c:v>
                </c:pt>
                <c:pt idx="65">
                  <c:v>2.8170654050958401E-2</c:v>
                </c:pt>
                <c:pt idx="66">
                  <c:v>2.8180604343570802E-2</c:v>
                </c:pt>
                <c:pt idx="67">
                  <c:v>2.8194850864884002E-2</c:v>
                </c:pt>
                <c:pt idx="68">
                  <c:v>2.82196673994634E-2</c:v>
                </c:pt>
                <c:pt idx="69">
                  <c:v>2.8225125707358099E-2</c:v>
                </c:pt>
                <c:pt idx="70">
                  <c:v>2.82337339533862E-2</c:v>
                </c:pt>
                <c:pt idx="71">
                  <c:v>2.82541008001892E-2</c:v>
                </c:pt>
                <c:pt idx="72">
                  <c:v>2.8253256960551001E-2</c:v>
                </c:pt>
                <c:pt idx="73">
                  <c:v>2.8255952538050601E-2</c:v>
                </c:pt>
                <c:pt idx="74">
                  <c:v>2.8267781227636599E-2</c:v>
                </c:pt>
                <c:pt idx="75">
                  <c:v>2.8254943078676799E-2</c:v>
                </c:pt>
                <c:pt idx="76">
                  <c:v>2.8242596210025301E-2</c:v>
                </c:pt>
                <c:pt idx="77">
                  <c:v>2.8235114608620802E-2</c:v>
                </c:pt>
                <c:pt idx="78">
                  <c:v>2.8170806630177E-2</c:v>
                </c:pt>
                <c:pt idx="79">
                  <c:v>2.8154590171315198E-2</c:v>
                </c:pt>
                <c:pt idx="80">
                  <c:v>2.8120229377064598E-2</c:v>
                </c:pt>
                <c:pt idx="81">
                  <c:v>2.8100439216347799E-2</c:v>
                </c:pt>
                <c:pt idx="82">
                  <c:v>2.80962291493973E-2</c:v>
                </c:pt>
                <c:pt idx="83">
                  <c:v>2.8075669785277001E-2</c:v>
                </c:pt>
              </c:numCache>
            </c:numRef>
          </c:yVal>
          <c:smooth val="0"/>
          <c:extLst>
            <c:ext xmlns:c16="http://schemas.microsoft.com/office/drawing/2014/chart" uri="{C3380CC4-5D6E-409C-BE32-E72D297353CC}">
              <c16:uniqueId val="{00000002-8BEC-4F80-9C7F-92CFEE3D9EC3}"/>
            </c:ext>
          </c:extLst>
        </c:ser>
        <c:dLbls>
          <c:showLegendKey val="0"/>
          <c:showVal val="0"/>
          <c:showCatName val="0"/>
          <c:showSerName val="0"/>
          <c:showPercent val="0"/>
          <c:showBubbleSize val="0"/>
        </c:dLbls>
        <c:axId val="221564191"/>
        <c:axId val="221517599"/>
      </c:scatterChart>
      <c:valAx>
        <c:axId val="221564191"/>
        <c:scaling>
          <c:orientation val="minMax"/>
          <c:max val="47390"/>
          <c:min val="44710"/>
        </c:scaling>
        <c:delete val="0"/>
        <c:axPos val="b"/>
        <c:numFmt formatCode="m/d/yyyy"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221517599"/>
        <c:crosses val="autoZero"/>
        <c:crossBetween val="midCat"/>
      </c:valAx>
      <c:valAx>
        <c:axId val="221517599"/>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Interest rate (%)</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0%" sourceLinked="0"/>
        <c:majorTickMark val="none"/>
        <c:minorTickMark val="none"/>
        <c:tickLblPos val="nextTo"/>
        <c:spPr>
          <a:noFill/>
          <a:ln w="9525" cap="flat" cmpd="sng" algn="ctr">
            <a:solidFill>
              <a:schemeClr val="bg1"/>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221564191"/>
        <c:crosses val="autoZero"/>
        <c:crossBetween val="midCat"/>
      </c:valAx>
      <c:valAx>
        <c:axId val="672731295"/>
        <c:scaling>
          <c:orientation val="minMax"/>
        </c:scaling>
        <c:delete val="0"/>
        <c:axPos val="r"/>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SOFR-LIBOR</a:t>
                </a:r>
                <a:r>
                  <a:rPr lang="en-US" baseline="0"/>
                  <a:t> spread (bps)</a:t>
                </a:r>
                <a:endParaRPr lang="en-US"/>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_);\(0\)" sourceLinked="0"/>
        <c:majorTickMark val="out"/>
        <c:minorTickMark val="none"/>
        <c:tickLblPos val="nextTo"/>
        <c:spPr>
          <a:noFill/>
          <a:ln w="9525" cap="flat" cmpd="sng" algn="ctr">
            <a:solidFill>
              <a:schemeClr val="bg1"/>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672715903"/>
        <c:crosses val="max"/>
        <c:crossBetween val="between"/>
      </c:valAx>
      <c:dateAx>
        <c:axId val="672715903"/>
        <c:scaling>
          <c:orientation val="minMax"/>
        </c:scaling>
        <c:delete val="1"/>
        <c:axPos val="b"/>
        <c:numFmt formatCode="m/d/yyyy" sourceLinked="1"/>
        <c:majorTickMark val="out"/>
        <c:minorTickMark val="none"/>
        <c:tickLblPos val="nextTo"/>
        <c:crossAx val="672731295"/>
        <c:crosses val="autoZero"/>
        <c:auto val="1"/>
        <c:lblOffset val="100"/>
        <c:baseTimeUnit val="months"/>
      </c:dateAx>
      <c:spPr>
        <a:noFill/>
        <a:ln>
          <a:noFill/>
        </a:ln>
        <a:effectLst/>
      </c:spPr>
    </c:plotArea>
    <c:legend>
      <c:legendPos val="r"/>
      <c:layout>
        <c:manualLayout>
          <c:xMode val="edge"/>
          <c:yMode val="edge"/>
          <c:x val="0.21113347126505216"/>
          <c:y val="6.013863482196663E-2"/>
          <c:w val="0.57714630189184768"/>
          <c:h val="8.926752746322851E-2"/>
        </c:manualLayout>
      </c:layout>
      <c:overlay val="1"/>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4">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strRef>
          <c:f>'Index Charts'!$R$36</c:f>
          <c:strCache>
            <c:ptCount val="1"/>
            <c:pt idx="0">
              <c:v>1 Month USD LIBOR Forward Curve with 1 and 2 Standard Deviation Bands</c:v>
            </c:pt>
          </c:strCache>
        </c:strRef>
      </c:tx>
      <c:layout>
        <c:manualLayout>
          <c:xMode val="edge"/>
          <c:yMode val="edge"/>
          <c:x val="0.23969536822426923"/>
          <c:y val="1.0213100204664394E-2"/>
        </c:manualLayout>
      </c:layout>
      <c:overlay val="0"/>
      <c:txPr>
        <a:bodyPr/>
        <a:lstStyle/>
        <a:p>
          <a:pPr algn="ctr" rtl="0">
            <a:defRPr lang="en-US" sz="1400" b="1" i="0" u="none" strike="noStrike" kern="1200" spc="0" baseline="0">
              <a:solidFill>
                <a:sysClr val="windowText" lastClr="000000"/>
              </a:solidFill>
              <a:latin typeface="+mn-lt"/>
              <a:ea typeface="+mn-ea"/>
              <a:cs typeface="+mn-cs"/>
            </a:defRPr>
          </a:pPr>
          <a:endParaRPr lang="en-US"/>
        </a:p>
      </c:txPr>
    </c:title>
    <c:autoTitleDeleted val="0"/>
    <c:plotArea>
      <c:layout>
        <c:manualLayout>
          <c:layoutTarget val="inner"/>
          <c:xMode val="edge"/>
          <c:yMode val="edge"/>
          <c:x val="5.9199351000236142E-2"/>
          <c:y val="0.16275546402398985"/>
          <c:w val="0.91155218640715441"/>
          <c:h val="0.76470616011288273"/>
        </c:manualLayout>
      </c:layout>
      <c:lineChart>
        <c:grouping val="standard"/>
        <c:varyColors val="0"/>
        <c:ser>
          <c:idx val="1"/>
          <c:order val="0"/>
          <c:tx>
            <c:strRef>
              <c:f>'Index Charts'!$T$34</c:f>
              <c:strCache>
                <c:ptCount val="1"/>
                <c:pt idx="0">
                  <c:v>+/- 2 SD</c:v>
                </c:pt>
              </c:strCache>
            </c:strRef>
          </c:tx>
          <c:spPr>
            <a:ln w="25400">
              <a:solidFill>
                <a:schemeClr val="accent3"/>
              </a:solidFill>
              <a:prstDash val="sysDot"/>
            </a:ln>
          </c:spPr>
          <c:marker>
            <c:symbol val="none"/>
          </c:marker>
          <c:cat>
            <c:numRef>
              <c:f>Rates!$C$16:$C$135</c:f>
              <c:numCache>
                <c:formatCode>m/d/yyyy</c:formatCode>
                <c:ptCount val="120"/>
                <c:pt idx="0">
                  <c:v>44712</c:v>
                </c:pt>
                <c:pt idx="1">
                  <c:v>44742</c:v>
                </c:pt>
                <c:pt idx="2">
                  <c:v>44771</c:v>
                </c:pt>
                <c:pt idx="3">
                  <c:v>44804</c:v>
                </c:pt>
                <c:pt idx="4">
                  <c:v>44834</c:v>
                </c:pt>
                <c:pt idx="5">
                  <c:v>44865</c:v>
                </c:pt>
                <c:pt idx="6">
                  <c:v>44895</c:v>
                </c:pt>
                <c:pt idx="7">
                  <c:v>44925</c:v>
                </c:pt>
                <c:pt idx="8">
                  <c:v>44957</c:v>
                </c:pt>
                <c:pt idx="9">
                  <c:v>44985</c:v>
                </c:pt>
                <c:pt idx="10">
                  <c:v>45016</c:v>
                </c:pt>
                <c:pt idx="11">
                  <c:v>45044</c:v>
                </c:pt>
                <c:pt idx="12">
                  <c:v>45077</c:v>
                </c:pt>
                <c:pt idx="13">
                  <c:v>45107</c:v>
                </c:pt>
                <c:pt idx="14">
                  <c:v>45138</c:v>
                </c:pt>
                <c:pt idx="15">
                  <c:v>45169</c:v>
                </c:pt>
                <c:pt idx="16">
                  <c:v>45198</c:v>
                </c:pt>
                <c:pt idx="17">
                  <c:v>45230</c:v>
                </c:pt>
                <c:pt idx="18">
                  <c:v>45260</c:v>
                </c:pt>
                <c:pt idx="19">
                  <c:v>45289</c:v>
                </c:pt>
                <c:pt idx="20">
                  <c:v>45322</c:v>
                </c:pt>
                <c:pt idx="21">
                  <c:v>45351</c:v>
                </c:pt>
                <c:pt idx="22">
                  <c:v>45379</c:v>
                </c:pt>
                <c:pt idx="23">
                  <c:v>45412</c:v>
                </c:pt>
                <c:pt idx="24">
                  <c:v>45443</c:v>
                </c:pt>
                <c:pt idx="25">
                  <c:v>45471</c:v>
                </c:pt>
                <c:pt idx="26">
                  <c:v>45504</c:v>
                </c:pt>
                <c:pt idx="27">
                  <c:v>45534</c:v>
                </c:pt>
                <c:pt idx="28">
                  <c:v>45565</c:v>
                </c:pt>
                <c:pt idx="29">
                  <c:v>45596</c:v>
                </c:pt>
                <c:pt idx="30">
                  <c:v>45625</c:v>
                </c:pt>
                <c:pt idx="31">
                  <c:v>45657</c:v>
                </c:pt>
                <c:pt idx="32">
                  <c:v>45688</c:v>
                </c:pt>
                <c:pt idx="33">
                  <c:v>45716</c:v>
                </c:pt>
                <c:pt idx="34">
                  <c:v>45747</c:v>
                </c:pt>
                <c:pt idx="35">
                  <c:v>45777</c:v>
                </c:pt>
                <c:pt idx="36">
                  <c:v>45807</c:v>
                </c:pt>
                <c:pt idx="37">
                  <c:v>45838</c:v>
                </c:pt>
                <c:pt idx="38">
                  <c:v>45869</c:v>
                </c:pt>
                <c:pt idx="39">
                  <c:v>45898</c:v>
                </c:pt>
                <c:pt idx="40">
                  <c:v>45930</c:v>
                </c:pt>
                <c:pt idx="41">
                  <c:v>45961</c:v>
                </c:pt>
                <c:pt idx="42">
                  <c:v>45989</c:v>
                </c:pt>
                <c:pt idx="43">
                  <c:v>46022</c:v>
                </c:pt>
                <c:pt idx="44">
                  <c:v>46052</c:v>
                </c:pt>
                <c:pt idx="45">
                  <c:v>46080</c:v>
                </c:pt>
                <c:pt idx="46">
                  <c:v>46112</c:v>
                </c:pt>
                <c:pt idx="47">
                  <c:v>46142</c:v>
                </c:pt>
                <c:pt idx="48">
                  <c:v>46171</c:v>
                </c:pt>
                <c:pt idx="49">
                  <c:v>46203</c:v>
                </c:pt>
                <c:pt idx="50">
                  <c:v>46234</c:v>
                </c:pt>
                <c:pt idx="51">
                  <c:v>46265</c:v>
                </c:pt>
                <c:pt idx="52">
                  <c:v>46295</c:v>
                </c:pt>
                <c:pt idx="53">
                  <c:v>46325</c:v>
                </c:pt>
                <c:pt idx="54">
                  <c:v>46356</c:v>
                </c:pt>
                <c:pt idx="55">
                  <c:v>46387</c:v>
                </c:pt>
                <c:pt idx="56">
                  <c:v>46416</c:v>
                </c:pt>
                <c:pt idx="57">
                  <c:v>46444</c:v>
                </c:pt>
                <c:pt idx="58">
                  <c:v>46477</c:v>
                </c:pt>
                <c:pt idx="59">
                  <c:v>46507</c:v>
                </c:pt>
                <c:pt idx="60">
                  <c:v>46538</c:v>
                </c:pt>
                <c:pt idx="61">
                  <c:v>46568</c:v>
                </c:pt>
                <c:pt idx="62">
                  <c:v>46598</c:v>
                </c:pt>
                <c:pt idx="63">
                  <c:v>46630</c:v>
                </c:pt>
                <c:pt idx="64">
                  <c:v>46660</c:v>
                </c:pt>
                <c:pt idx="65">
                  <c:v>46689</c:v>
                </c:pt>
                <c:pt idx="66">
                  <c:v>46721</c:v>
                </c:pt>
                <c:pt idx="67">
                  <c:v>46752</c:v>
                </c:pt>
                <c:pt idx="68">
                  <c:v>46783</c:v>
                </c:pt>
                <c:pt idx="69">
                  <c:v>46812</c:v>
                </c:pt>
                <c:pt idx="70">
                  <c:v>46843</c:v>
                </c:pt>
                <c:pt idx="71">
                  <c:v>46871</c:v>
                </c:pt>
                <c:pt idx="72">
                  <c:v>46904</c:v>
                </c:pt>
                <c:pt idx="73">
                  <c:v>46934</c:v>
                </c:pt>
                <c:pt idx="74">
                  <c:v>46965</c:v>
                </c:pt>
                <c:pt idx="75">
                  <c:v>46996</c:v>
                </c:pt>
                <c:pt idx="76">
                  <c:v>47025</c:v>
                </c:pt>
                <c:pt idx="77">
                  <c:v>47057</c:v>
                </c:pt>
                <c:pt idx="78">
                  <c:v>47087</c:v>
                </c:pt>
                <c:pt idx="79">
                  <c:v>47116</c:v>
                </c:pt>
                <c:pt idx="80">
                  <c:v>47149</c:v>
                </c:pt>
                <c:pt idx="81">
                  <c:v>47177</c:v>
                </c:pt>
                <c:pt idx="82">
                  <c:v>47207</c:v>
                </c:pt>
                <c:pt idx="83">
                  <c:v>47238</c:v>
                </c:pt>
                <c:pt idx="84">
                  <c:v>47269</c:v>
                </c:pt>
                <c:pt idx="85">
                  <c:v>47298</c:v>
                </c:pt>
                <c:pt idx="86">
                  <c:v>47330</c:v>
                </c:pt>
                <c:pt idx="87">
                  <c:v>47361</c:v>
                </c:pt>
                <c:pt idx="88">
                  <c:v>47389</c:v>
                </c:pt>
                <c:pt idx="89">
                  <c:v>47422</c:v>
                </c:pt>
                <c:pt idx="90">
                  <c:v>47452</c:v>
                </c:pt>
                <c:pt idx="91">
                  <c:v>47483</c:v>
                </c:pt>
                <c:pt idx="92">
                  <c:v>47514</c:v>
                </c:pt>
                <c:pt idx="93">
                  <c:v>47542</c:v>
                </c:pt>
                <c:pt idx="94">
                  <c:v>47571</c:v>
                </c:pt>
                <c:pt idx="95">
                  <c:v>47603</c:v>
                </c:pt>
                <c:pt idx="96">
                  <c:v>47634</c:v>
                </c:pt>
                <c:pt idx="97">
                  <c:v>47662</c:v>
                </c:pt>
                <c:pt idx="98">
                  <c:v>47695</c:v>
                </c:pt>
                <c:pt idx="99">
                  <c:v>47725</c:v>
                </c:pt>
                <c:pt idx="100">
                  <c:v>47756</c:v>
                </c:pt>
                <c:pt idx="101">
                  <c:v>47787</c:v>
                </c:pt>
                <c:pt idx="102">
                  <c:v>47816</c:v>
                </c:pt>
                <c:pt idx="103">
                  <c:v>47848</c:v>
                </c:pt>
                <c:pt idx="104">
                  <c:v>47879</c:v>
                </c:pt>
                <c:pt idx="105">
                  <c:v>47907</c:v>
                </c:pt>
                <c:pt idx="106">
                  <c:v>47938</c:v>
                </c:pt>
                <c:pt idx="107">
                  <c:v>47968</c:v>
                </c:pt>
                <c:pt idx="108">
                  <c:v>47998</c:v>
                </c:pt>
                <c:pt idx="109">
                  <c:v>48029</c:v>
                </c:pt>
                <c:pt idx="110">
                  <c:v>48060</c:v>
                </c:pt>
                <c:pt idx="111">
                  <c:v>48089</c:v>
                </c:pt>
                <c:pt idx="112">
                  <c:v>48121</c:v>
                </c:pt>
                <c:pt idx="113">
                  <c:v>48152</c:v>
                </c:pt>
                <c:pt idx="114">
                  <c:v>48180</c:v>
                </c:pt>
                <c:pt idx="115">
                  <c:v>48213</c:v>
                </c:pt>
                <c:pt idx="116">
                  <c:v>48243</c:v>
                </c:pt>
                <c:pt idx="117">
                  <c:v>48271</c:v>
                </c:pt>
                <c:pt idx="118">
                  <c:v>48304</c:v>
                </c:pt>
                <c:pt idx="119">
                  <c:v>48334</c:v>
                </c:pt>
              </c:numCache>
            </c:numRef>
          </c:cat>
          <c:val>
            <c:numRef>
              <c:f>Rates!$J$16:$J$112</c:f>
              <c:numCache>
                <c:formatCode>0.00%</c:formatCode>
                <c:ptCount val="97"/>
                <c:pt idx="0">
                  <c:v>6.8816051963855752E-3</c:v>
                </c:pt>
                <c:pt idx="1">
                  <c:v>8.657541949828677E-3</c:v>
                </c:pt>
                <c:pt idx="2">
                  <c:v>1.0641480609112445E-2</c:v>
                </c:pt>
                <c:pt idx="3">
                  <c:v>1.2450655702150681E-2</c:v>
                </c:pt>
                <c:pt idx="4">
                  <c:v>1.3564105725345674E-2</c:v>
                </c:pt>
                <c:pt idx="5">
                  <c:v>1.4141355830667409E-2</c:v>
                </c:pt>
                <c:pt idx="6">
                  <c:v>1.4483113175947497E-2</c:v>
                </c:pt>
                <c:pt idx="7">
                  <c:v>1.467042412434008E-2</c:v>
                </c:pt>
                <c:pt idx="8">
                  <c:v>1.4528166942846416E-2</c:v>
                </c:pt>
                <c:pt idx="9">
                  <c:v>1.4302418315661319E-2</c:v>
                </c:pt>
                <c:pt idx="10">
                  <c:v>1.3881617257784468E-2</c:v>
                </c:pt>
                <c:pt idx="11">
                  <c:v>1.3419799888186279E-2</c:v>
                </c:pt>
                <c:pt idx="12">
                  <c:v>1.2762685152595822E-2</c:v>
                </c:pt>
                <c:pt idx="13">
                  <c:v>1.1977549188221659E-2</c:v>
                </c:pt>
                <c:pt idx="14">
                  <c:v>1.1039137592197925E-2</c:v>
                </c:pt>
                <c:pt idx="15">
                  <c:v>1.0035309847907755E-2</c:v>
                </c:pt>
                <c:pt idx="16">
                  <c:v>9.0247250831674373E-3</c:v>
                </c:pt>
                <c:pt idx="17">
                  <c:v>7.9529643329485974E-3</c:v>
                </c:pt>
                <c:pt idx="18">
                  <c:v>6.9870205325416029E-3</c:v>
                </c:pt>
                <c:pt idx="19">
                  <c:v>6.0705184891395054E-3</c:v>
                </c:pt>
                <c:pt idx="20">
                  <c:v>5.1434614867978731E-3</c:v>
                </c:pt>
                <c:pt idx="21">
                  <c:v>4.4416773084794345E-3</c:v>
                </c:pt>
                <c:pt idx="22">
                  <c:v>3.861229951919511E-3</c:v>
                </c:pt>
                <c:pt idx="23">
                  <c:v>3.3087605735286282E-3</c:v>
                </c:pt>
                <c:pt idx="24">
                  <c:v>2.8827602659621081E-3</c:v>
                </c:pt>
                <c:pt idx="25">
                  <c:v>2.5397120446061204E-3</c:v>
                </c:pt>
                <c:pt idx="26">
                  <c:v>2.1834406985528215E-3</c:v>
                </c:pt>
                <c:pt idx="27">
                  <c:v>1.8810922868076167E-3</c:v>
                </c:pt>
                <c:pt idx="28">
                  <c:v>1.569550875771911E-3</c:v>
                </c:pt>
                <c:pt idx="29">
                  <c:v>1.2648326541241234E-3</c:v>
                </c:pt>
                <c:pt idx="30">
                  <c:v>9.869538762330033E-4</c:v>
                </c:pt>
                <c:pt idx="31">
                  <c:v>6.812361186583852E-4</c:v>
                </c:pt>
                <c:pt idx="32">
                  <c:v>3.9349411304843984E-4</c:v>
                </c:pt>
                <c:pt idx="33">
                  <c:v>1.4849873033723031E-4</c:v>
                </c:pt>
                <c:pt idx="34">
                  <c:v>-1.1860994304650242E-4</c:v>
                </c:pt>
                <c:pt idx="35">
                  <c:v>-3.5271608883673256E-4</c:v>
                </c:pt>
                <c:pt idx="36">
                  <c:v>-5.7302363931900809E-4</c:v>
                </c:pt>
                <c:pt idx="37">
                  <c:v>-8.0710847414217253E-4</c:v>
                </c:pt>
                <c:pt idx="38">
                  <c:v>-1.0316201981986906E-3</c:v>
                </c:pt>
                <c:pt idx="39">
                  <c:v>-1.2249265471978854E-3</c:v>
                </c:pt>
                <c:pt idx="40">
                  <c:v>-1.4287610885855059E-3</c:v>
                </c:pt>
                <c:pt idx="41">
                  <c:v>-1.6049454884000825E-3</c:v>
                </c:pt>
                <c:pt idx="42">
                  <c:v>-1.7494502876852572E-3</c:v>
                </c:pt>
                <c:pt idx="43">
                  <c:v>-1.9180474116320765E-3</c:v>
                </c:pt>
                <c:pt idx="44">
                  <c:v>-2.0598970340075119E-3</c:v>
                </c:pt>
                <c:pt idx="45">
                  <c:v>-2.1822028447152312E-3</c:v>
                </c:pt>
                <c:pt idx="46">
                  <c:v>-2.3269946784476147E-3</c:v>
                </c:pt>
                <c:pt idx="47">
                  <c:v>-2.4572770245597274E-3</c:v>
                </c:pt>
                <c:pt idx="48">
                  <c:v>-2.5656704384459245E-3</c:v>
                </c:pt>
                <c:pt idx="49">
                  <c:v>-2.6751840206359232E-3</c:v>
                </c:pt>
                <c:pt idx="50">
                  <c:v>-2.762352133283014E-3</c:v>
                </c:pt>
                <c:pt idx="51">
                  <c:v>-2.8336583704406957E-3</c:v>
                </c:pt>
                <c:pt idx="52">
                  <c:v>-2.8933586197616512E-3</c:v>
                </c:pt>
                <c:pt idx="53">
                  <c:v>-2.9380959635220078E-3</c:v>
                </c:pt>
                <c:pt idx="54">
                  <c:v>-2.9755978180009638E-3</c:v>
                </c:pt>
                <c:pt idx="55">
                  <c:v>-3.0089547894105546E-3</c:v>
                </c:pt>
                <c:pt idx="56">
                  <c:v>-3.0281142861274804E-3</c:v>
                </c:pt>
                <c:pt idx="57">
                  <c:v>-3.0289199228733348E-3</c:v>
                </c:pt>
                <c:pt idx="58">
                  <c:v>-3.0362512388170332E-3</c:v>
                </c:pt>
                <c:pt idx="59">
                  <c:v>-3.0257137896153143E-3</c:v>
                </c:pt>
                <c:pt idx="60">
                  <c:v>-3.0123025529401604E-3</c:v>
                </c:pt>
                <c:pt idx="61">
                  <c:v>-2.9992525727601882E-3</c:v>
                </c:pt>
                <c:pt idx="62">
                  <c:v>-2.9802675388118354E-3</c:v>
                </c:pt>
                <c:pt idx="63">
                  <c:v>-2.9649111288475288E-3</c:v>
                </c:pt>
                <c:pt idx="64">
                  <c:v>-2.9489243060598557E-3</c:v>
                </c:pt>
                <c:pt idx="65">
                  <c:v>-2.926748360298468E-3</c:v>
                </c:pt>
                <c:pt idx="66">
                  <c:v>-2.9047146163062769E-3</c:v>
                </c:pt>
                <c:pt idx="67">
                  <c:v>-2.8860197467313773E-3</c:v>
                </c:pt>
                <c:pt idx="68">
                  <c:v>-2.8686106795847042E-3</c:v>
                </c:pt>
                <c:pt idx="69">
                  <c:v>-2.8435768312331062E-3</c:v>
                </c:pt>
                <c:pt idx="70">
                  <c:v>-2.8236161730093249E-3</c:v>
                </c:pt>
                <c:pt idx="71">
                  <c:v>-2.8038132408953458E-3</c:v>
                </c:pt>
                <c:pt idx="72">
                  <c:v>-2.7872659584370048E-3</c:v>
                </c:pt>
                <c:pt idx="73">
                  <c:v>-2.7717145674651961E-3</c:v>
                </c:pt>
                <c:pt idx="74">
                  <c:v>-2.7615516991212194E-3</c:v>
                </c:pt>
                <c:pt idx="75">
                  <c:v>-2.7487974433197341E-3</c:v>
                </c:pt>
                <c:pt idx="76">
                  <c:v>-2.7347438499402783E-3</c:v>
                </c:pt>
                <c:pt idx="77">
                  <c:v>-2.7327884825865904E-3</c:v>
                </c:pt>
                <c:pt idx="78">
                  <c:v>-2.7281159343544338E-3</c:v>
                </c:pt>
                <c:pt idx="79">
                  <c:v>-2.7291222760903724E-3</c:v>
                </c:pt>
                <c:pt idx="80">
                  <c:v>-2.7460776094381757E-3</c:v>
                </c:pt>
                <c:pt idx="81">
                  <c:v>-2.7525142324075829E-3</c:v>
                </c:pt>
                <c:pt idx="82">
                  <c:v>-2.7663853741722666E-3</c:v>
                </c:pt>
                <c:pt idx="83">
                  <c:v>-2.7832205260879418E-3</c:v>
                </c:pt>
                <c:pt idx="84">
                  <c:v>-2.8057748893276016E-3</c:v>
                </c:pt>
                <c:pt idx="85">
                  <c:v>-2.8239059368740937E-3</c:v>
                </c:pt>
                <c:pt idx="86">
                  <c:v>-2.8501204908451191E-3</c:v>
                </c:pt>
                <c:pt idx="87">
                  <c:v>-2.8655379543863066E-3</c:v>
                </c:pt>
                <c:pt idx="88">
                  <c:v>-2.8791833901478381E-3</c:v>
                </c:pt>
                <c:pt idx="89">
                  <c:v>-2.8995337286524302E-3</c:v>
                </c:pt>
                <c:pt idx="90">
                  <c:v>-2.9082045221382209E-3</c:v>
                </c:pt>
                <c:pt idx="91">
                  <c:v>-2.9259665365268545E-3</c:v>
                </c:pt>
                <c:pt idx="92">
                  <c:v>-2.9442912893667371E-3</c:v>
                </c:pt>
                <c:pt idx="93">
                  <c:v>-2.9509764779780678E-3</c:v>
                </c:pt>
                <c:pt idx="94">
                  <c:v>-2.9615155313674809E-3</c:v>
                </c:pt>
                <c:pt idx="95">
                  <c:v>-2.9781501836908921E-3</c:v>
                </c:pt>
                <c:pt idx="96">
                  <c:v>-2.985946850283726E-3</c:v>
                </c:pt>
              </c:numCache>
            </c:numRef>
          </c:val>
          <c:smooth val="0"/>
          <c:extLst>
            <c:ext xmlns:c16="http://schemas.microsoft.com/office/drawing/2014/chart" uri="{C3380CC4-5D6E-409C-BE32-E72D297353CC}">
              <c16:uniqueId val="{00000000-DCD3-45F9-8964-058C1079632E}"/>
            </c:ext>
          </c:extLst>
        </c:ser>
        <c:ser>
          <c:idx val="2"/>
          <c:order val="1"/>
          <c:tx>
            <c:strRef>
              <c:f>'Index Charts'!$U$34</c:f>
              <c:strCache>
                <c:ptCount val="1"/>
                <c:pt idx="0">
                  <c:v>+/-1 SD</c:v>
                </c:pt>
              </c:strCache>
            </c:strRef>
          </c:tx>
          <c:spPr>
            <a:ln w="25400">
              <a:solidFill>
                <a:schemeClr val="accent2"/>
              </a:solidFill>
              <a:prstDash val="sysDash"/>
            </a:ln>
          </c:spPr>
          <c:marker>
            <c:symbol val="none"/>
          </c:marker>
          <c:cat>
            <c:numRef>
              <c:f>Rates!$C$16:$C$135</c:f>
              <c:numCache>
                <c:formatCode>m/d/yyyy</c:formatCode>
                <c:ptCount val="120"/>
                <c:pt idx="0">
                  <c:v>44712</c:v>
                </c:pt>
                <c:pt idx="1">
                  <c:v>44742</c:v>
                </c:pt>
                <c:pt idx="2">
                  <c:v>44771</c:v>
                </c:pt>
                <c:pt idx="3">
                  <c:v>44804</c:v>
                </c:pt>
                <c:pt idx="4">
                  <c:v>44834</c:v>
                </c:pt>
                <c:pt idx="5">
                  <c:v>44865</c:v>
                </c:pt>
                <c:pt idx="6">
                  <c:v>44895</c:v>
                </c:pt>
                <c:pt idx="7">
                  <c:v>44925</c:v>
                </c:pt>
                <c:pt idx="8">
                  <c:v>44957</c:v>
                </c:pt>
                <c:pt idx="9">
                  <c:v>44985</c:v>
                </c:pt>
                <c:pt idx="10">
                  <c:v>45016</c:v>
                </c:pt>
                <c:pt idx="11">
                  <c:v>45044</c:v>
                </c:pt>
                <c:pt idx="12">
                  <c:v>45077</c:v>
                </c:pt>
                <c:pt idx="13">
                  <c:v>45107</c:v>
                </c:pt>
                <c:pt idx="14">
                  <c:v>45138</c:v>
                </c:pt>
                <c:pt idx="15">
                  <c:v>45169</c:v>
                </c:pt>
                <c:pt idx="16">
                  <c:v>45198</c:v>
                </c:pt>
                <c:pt idx="17">
                  <c:v>45230</c:v>
                </c:pt>
                <c:pt idx="18">
                  <c:v>45260</c:v>
                </c:pt>
                <c:pt idx="19">
                  <c:v>45289</c:v>
                </c:pt>
                <c:pt idx="20">
                  <c:v>45322</c:v>
                </c:pt>
                <c:pt idx="21">
                  <c:v>45351</c:v>
                </c:pt>
                <c:pt idx="22">
                  <c:v>45379</c:v>
                </c:pt>
                <c:pt idx="23">
                  <c:v>45412</c:v>
                </c:pt>
                <c:pt idx="24">
                  <c:v>45443</c:v>
                </c:pt>
                <c:pt idx="25">
                  <c:v>45471</c:v>
                </c:pt>
                <c:pt idx="26">
                  <c:v>45504</c:v>
                </c:pt>
                <c:pt idx="27">
                  <c:v>45534</c:v>
                </c:pt>
                <c:pt idx="28">
                  <c:v>45565</c:v>
                </c:pt>
                <c:pt idx="29">
                  <c:v>45596</c:v>
                </c:pt>
                <c:pt idx="30">
                  <c:v>45625</c:v>
                </c:pt>
                <c:pt idx="31">
                  <c:v>45657</c:v>
                </c:pt>
                <c:pt idx="32">
                  <c:v>45688</c:v>
                </c:pt>
                <c:pt idx="33">
                  <c:v>45716</c:v>
                </c:pt>
                <c:pt idx="34">
                  <c:v>45747</c:v>
                </c:pt>
                <c:pt idx="35">
                  <c:v>45777</c:v>
                </c:pt>
                <c:pt idx="36">
                  <c:v>45807</c:v>
                </c:pt>
                <c:pt idx="37">
                  <c:v>45838</c:v>
                </c:pt>
                <c:pt idx="38">
                  <c:v>45869</c:v>
                </c:pt>
                <c:pt idx="39">
                  <c:v>45898</c:v>
                </c:pt>
                <c:pt idx="40">
                  <c:v>45930</c:v>
                </c:pt>
                <c:pt idx="41">
                  <c:v>45961</c:v>
                </c:pt>
                <c:pt idx="42">
                  <c:v>45989</c:v>
                </c:pt>
                <c:pt idx="43">
                  <c:v>46022</c:v>
                </c:pt>
                <c:pt idx="44">
                  <c:v>46052</c:v>
                </c:pt>
                <c:pt idx="45">
                  <c:v>46080</c:v>
                </c:pt>
                <c:pt idx="46">
                  <c:v>46112</c:v>
                </c:pt>
                <c:pt idx="47">
                  <c:v>46142</c:v>
                </c:pt>
                <c:pt idx="48">
                  <c:v>46171</c:v>
                </c:pt>
                <c:pt idx="49">
                  <c:v>46203</c:v>
                </c:pt>
                <c:pt idx="50">
                  <c:v>46234</c:v>
                </c:pt>
                <c:pt idx="51">
                  <c:v>46265</c:v>
                </c:pt>
                <c:pt idx="52">
                  <c:v>46295</c:v>
                </c:pt>
                <c:pt idx="53">
                  <c:v>46325</c:v>
                </c:pt>
                <c:pt idx="54">
                  <c:v>46356</c:v>
                </c:pt>
                <c:pt idx="55">
                  <c:v>46387</c:v>
                </c:pt>
                <c:pt idx="56">
                  <c:v>46416</c:v>
                </c:pt>
                <c:pt idx="57">
                  <c:v>46444</c:v>
                </c:pt>
                <c:pt idx="58">
                  <c:v>46477</c:v>
                </c:pt>
                <c:pt idx="59">
                  <c:v>46507</c:v>
                </c:pt>
                <c:pt idx="60">
                  <c:v>46538</c:v>
                </c:pt>
                <c:pt idx="61">
                  <c:v>46568</c:v>
                </c:pt>
                <c:pt idx="62">
                  <c:v>46598</c:v>
                </c:pt>
                <c:pt idx="63">
                  <c:v>46630</c:v>
                </c:pt>
                <c:pt idx="64">
                  <c:v>46660</c:v>
                </c:pt>
                <c:pt idx="65">
                  <c:v>46689</c:v>
                </c:pt>
                <c:pt idx="66">
                  <c:v>46721</c:v>
                </c:pt>
                <c:pt idx="67">
                  <c:v>46752</c:v>
                </c:pt>
                <c:pt idx="68">
                  <c:v>46783</c:v>
                </c:pt>
                <c:pt idx="69">
                  <c:v>46812</c:v>
                </c:pt>
                <c:pt idx="70">
                  <c:v>46843</c:v>
                </c:pt>
                <c:pt idx="71">
                  <c:v>46871</c:v>
                </c:pt>
                <c:pt idx="72">
                  <c:v>46904</c:v>
                </c:pt>
                <c:pt idx="73">
                  <c:v>46934</c:v>
                </c:pt>
                <c:pt idx="74">
                  <c:v>46965</c:v>
                </c:pt>
                <c:pt idx="75">
                  <c:v>46996</c:v>
                </c:pt>
                <c:pt idx="76">
                  <c:v>47025</c:v>
                </c:pt>
                <c:pt idx="77">
                  <c:v>47057</c:v>
                </c:pt>
                <c:pt idx="78">
                  <c:v>47087</c:v>
                </c:pt>
                <c:pt idx="79">
                  <c:v>47116</c:v>
                </c:pt>
                <c:pt idx="80">
                  <c:v>47149</c:v>
                </c:pt>
                <c:pt idx="81">
                  <c:v>47177</c:v>
                </c:pt>
                <c:pt idx="82">
                  <c:v>47207</c:v>
                </c:pt>
                <c:pt idx="83">
                  <c:v>47238</c:v>
                </c:pt>
                <c:pt idx="84">
                  <c:v>47269</c:v>
                </c:pt>
                <c:pt idx="85">
                  <c:v>47298</c:v>
                </c:pt>
                <c:pt idx="86">
                  <c:v>47330</c:v>
                </c:pt>
                <c:pt idx="87">
                  <c:v>47361</c:v>
                </c:pt>
                <c:pt idx="88">
                  <c:v>47389</c:v>
                </c:pt>
                <c:pt idx="89">
                  <c:v>47422</c:v>
                </c:pt>
                <c:pt idx="90">
                  <c:v>47452</c:v>
                </c:pt>
                <c:pt idx="91">
                  <c:v>47483</c:v>
                </c:pt>
                <c:pt idx="92">
                  <c:v>47514</c:v>
                </c:pt>
                <c:pt idx="93">
                  <c:v>47542</c:v>
                </c:pt>
                <c:pt idx="94">
                  <c:v>47571</c:v>
                </c:pt>
                <c:pt idx="95">
                  <c:v>47603</c:v>
                </c:pt>
                <c:pt idx="96">
                  <c:v>47634</c:v>
                </c:pt>
                <c:pt idx="97">
                  <c:v>47662</c:v>
                </c:pt>
                <c:pt idx="98">
                  <c:v>47695</c:v>
                </c:pt>
                <c:pt idx="99">
                  <c:v>47725</c:v>
                </c:pt>
                <c:pt idx="100">
                  <c:v>47756</c:v>
                </c:pt>
                <c:pt idx="101">
                  <c:v>47787</c:v>
                </c:pt>
                <c:pt idx="102">
                  <c:v>47816</c:v>
                </c:pt>
                <c:pt idx="103">
                  <c:v>47848</c:v>
                </c:pt>
                <c:pt idx="104">
                  <c:v>47879</c:v>
                </c:pt>
                <c:pt idx="105">
                  <c:v>47907</c:v>
                </c:pt>
                <c:pt idx="106">
                  <c:v>47938</c:v>
                </c:pt>
                <c:pt idx="107">
                  <c:v>47968</c:v>
                </c:pt>
                <c:pt idx="108">
                  <c:v>47998</c:v>
                </c:pt>
                <c:pt idx="109">
                  <c:v>48029</c:v>
                </c:pt>
                <c:pt idx="110">
                  <c:v>48060</c:v>
                </c:pt>
                <c:pt idx="111">
                  <c:v>48089</c:v>
                </c:pt>
                <c:pt idx="112">
                  <c:v>48121</c:v>
                </c:pt>
                <c:pt idx="113">
                  <c:v>48152</c:v>
                </c:pt>
                <c:pt idx="114">
                  <c:v>48180</c:v>
                </c:pt>
                <c:pt idx="115">
                  <c:v>48213</c:v>
                </c:pt>
                <c:pt idx="116">
                  <c:v>48243</c:v>
                </c:pt>
                <c:pt idx="117">
                  <c:v>48271</c:v>
                </c:pt>
                <c:pt idx="118">
                  <c:v>48304</c:v>
                </c:pt>
                <c:pt idx="119">
                  <c:v>48334</c:v>
                </c:pt>
              </c:numCache>
            </c:numRef>
          </c:cat>
          <c:val>
            <c:numRef>
              <c:f>Rates!$K$16:$K$112</c:f>
              <c:numCache>
                <c:formatCode>0.00%</c:formatCode>
                <c:ptCount val="97"/>
                <c:pt idx="0">
                  <c:v>8.9839727559570624E-3</c:v>
                </c:pt>
                <c:pt idx="1">
                  <c:v>1.1623968709828016E-2</c:v>
                </c:pt>
                <c:pt idx="2">
                  <c:v>1.4241249451904405E-2</c:v>
                </c:pt>
                <c:pt idx="3">
                  <c:v>1.6686868541252654E-2</c:v>
                </c:pt>
                <c:pt idx="4">
                  <c:v>1.8317440341535735E-2</c:v>
                </c:pt>
                <c:pt idx="5">
                  <c:v>1.9456371233837047E-2</c:v>
                </c:pt>
                <c:pt idx="6">
                  <c:v>2.0286822961212904E-2</c:v>
                </c:pt>
                <c:pt idx="7">
                  <c:v>2.0911416069917838E-2</c:v>
                </c:pt>
                <c:pt idx="8">
                  <c:v>2.1269836971731154E-2</c:v>
                </c:pt>
                <c:pt idx="9">
                  <c:v>2.1479790217512049E-2</c:v>
                </c:pt>
                <c:pt idx="10">
                  <c:v>2.1481473921033008E-2</c:v>
                </c:pt>
                <c:pt idx="11">
                  <c:v>2.1363115762893049E-2</c:v>
                </c:pt>
                <c:pt idx="12">
                  <c:v>2.1041454478599134E-2</c:v>
                </c:pt>
                <c:pt idx="13">
                  <c:v>2.0497144029860088E-2</c:v>
                </c:pt>
                <c:pt idx="14">
                  <c:v>1.9739212424263207E-2</c:v>
                </c:pt>
                <c:pt idx="15">
                  <c:v>1.8844143391401544E-2</c:v>
                </c:pt>
                <c:pt idx="16">
                  <c:v>1.7867707938827755E-2</c:v>
                </c:pt>
                <c:pt idx="17">
                  <c:v>1.6771796578246401E-2</c:v>
                </c:pt>
                <c:pt idx="18">
                  <c:v>1.57663729800658E-2</c:v>
                </c:pt>
                <c:pt idx="19">
                  <c:v>1.4796899302436448E-2</c:v>
                </c:pt>
                <c:pt idx="20">
                  <c:v>1.381288988386936E-2</c:v>
                </c:pt>
                <c:pt idx="21">
                  <c:v>1.3076834021453385E-2</c:v>
                </c:pt>
                <c:pt idx="22">
                  <c:v>1.246893826494304E-2</c:v>
                </c:pt>
                <c:pt idx="23">
                  <c:v>1.189748074118986E-2</c:v>
                </c:pt>
                <c:pt idx="24">
                  <c:v>1.1466368797439572E-2</c:v>
                </c:pt>
                <c:pt idx="25">
                  <c:v>1.1115484719647883E-2</c:v>
                </c:pt>
                <c:pt idx="26">
                  <c:v>1.0745850952190395E-2</c:v>
                </c:pt>
                <c:pt idx="27">
                  <c:v>1.0428131505418643E-2</c:v>
                </c:pt>
                <c:pt idx="28">
                  <c:v>1.0089091636971923E-2</c:v>
                </c:pt>
                <c:pt idx="29">
                  <c:v>9.7490088677683624E-3</c:v>
                </c:pt>
                <c:pt idx="30">
                  <c:v>9.4312274203374267E-3</c:v>
                </c:pt>
                <c:pt idx="31">
                  <c:v>9.0703512795587398E-3</c:v>
                </c:pt>
                <c:pt idx="32">
                  <c:v>8.7237821738186203E-3</c:v>
                </c:pt>
                <c:pt idx="33">
                  <c:v>8.4210945642794448E-3</c:v>
                </c:pt>
                <c:pt idx="34">
                  <c:v>8.0828533083512118E-3</c:v>
                </c:pt>
                <c:pt idx="35">
                  <c:v>7.7804919618686148E-3</c:v>
                </c:pt>
                <c:pt idx="36">
                  <c:v>7.4956783916529223E-3</c:v>
                </c:pt>
                <c:pt idx="37">
                  <c:v>7.1914473434153154E-3</c:v>
                </c:pt>
                <c:pt idx="38">
                  <c:v>6.9013804044795093E-3</c:v>
                </c:pt>
                <c:pt idx="39">
                  <c:v>6.6514245938341533E-3</c:v>
                </c:pt>
                <c:pt idx="40">
                  <c:v>6.3856067129758731E-3</c:v>
                </c:pt>
                <c:pt idx="41">
                  <c:v>6.156464562072193E-3</c:v>
                </c:pt>
                <c:pt idx="42">
                  <c:v>5.9696563324955817E-3</c:v>
                </c:pt>
                <c:pt idx="43">
                  <c:v>5.7508638461942953E-3</c:v>
                </c:pt>
                <c:pt idx="44">
                  <c:v>5.5672483692074271E-3</c:v>
                </c:pt>
                <c:pt idx="45">
                  <c:v>5.4102881026081712E-3</c:v>
                </c:pt>
                <c:pt idx="46">
                  <c:v>5.2234192598731004E-3</c:v>
                </c:pt>
                <c:pt idx="47">
                  <c:v>5.0559590015475751E-3</c:v>
                </c:pt>
                <c:pt idx="48">
                  <c:v>4.918164886067564E-3</c:v>
                </c:pt>
                <c:pt idx="49">
                  <c:v>4.777413882684373E-3</c:v>
                </c:pt>
                <c:pt idx="50">
                  <c:v>4.6660292726066997E-3</c:v>
                </c:pt>
                <c:pt idx="51">
                  <c:v>4.5777482263719502E-3</c:v>
                </c:pt>
                <c:pt idx="52">
                  <c:v>4.5029318971396212E-3</c:v>
                </c:pt>
                <c:pt idx="53">
                  <c:v>4.448316031333872E-3</c:v>
                </c:pt>
                <c:pt idx="54">
                  <c:v>4.4059797825319845E-3</c:v>
                </c:pt>
                <c:pt idx="55">
                  <c:v>4.3674117816075841E-3</c:v>
                </c:pt>
                <c:pt idx="56">
                  <c:v>4.3476552987408417E-3</c:v>
                </c:pt>
                <c:pt idx="57">
                  <c:v>4.3538919109504231E-3</c:v>
                </c:pt>
                <c:pt idx="58">
                  <c:v>4.350741188930465E-3</c:v>
                </c:pt>
                <c:pt idx="59">
                  <c:v>4.3703367636848366E-3</c:v>
                </c:pt>
                <c:pt idx="60">
                  <c:v>4.3961813043078661E-3</c:v>
                </c:pt>
                <c:pt idx="61">
                  <c:v>4.4194845587853509E-3</c:v>
                </c:pt>
                <c:pt idx="62">
                  <c:v>4.450842582528567E-3</c:v>
                </c:pt>
                <c:pt idx="63">
                  <c:v>4.4801617261409667E-3</c:v>
                </c:pt>
                <c:pt idx="64">
                  <c:v>4.5077634972869839E-3</c:v>
                </c:pt>
                <c:pt idx="65">
                  <c:v>4.5435639311822464E-3</c:v>
                </c:pt>
                <c:pt idx="66">
                  <c:v>4.5819270994327099E-3</c:v>
                </c:pt>
                <c:pt idx="67">
                  <c:v>4.6129887321604852E-3</c:v>
                </c:pt>
                <c:pt idx="68">
                  <c:v>4.6424349280474436E-3</c:v>
                </c:pt>
                <c:pt idx="69">
                  <c:v>4.6831149562526955E-3</c:v>
                </c:pt>
                <c:pt idx="70">
                  <c:v>4.7148569619256189E-3</c:v>
                </c:pt>
                <c:pt idx="71">
                  <c:v>4.7456948490445829E-3</c:v>
                </c:pt>
                <c:pt idx="72">
                  <c:v>4.774811440378255E-3</c:v>
                </c:pt>
                <c:pt idx="73">
                  <c:v>4.799472184435152E-3</c:v>
                </c:pt>
                <c:pt idx="74">
                  <c:v>4.8172064825940854E-3</c:v>
                </c:pt>
                <c:pt idx="75">
                  <c:v>4.8395693164866478E-3</c:v>
                </c:pt>
                <c:pt idx="76">
                  <c:v>4.8612265440384755E-3</c:v>
                </c:pt>
                <c:pt idx="77">
                  <c:v>4.8667857275669323E-3</c:v>
                </c:pt>
                <c:pt idx="78">
                  <c:v>4.876683455517436E-3</c:v>
                </c:pt>
                <c:pt idx="79">
                  <c:v>4.8766761585775937E-3</c:v>
                </c:pt>
                <c:pt idx="80">
                  <c:v>4.8549126351839361E-3</c:v>
                </c:pt>
                <c:pt idx="81">
                  <c:v>4.8474490077869085E-3</c:v>
                </c:pt>
                <c:pt idx="82">
                  <c:v>4.827426753675387E-3</c:v>
                </c:pt>
                <c:pt idx="83">
                  <c:v>4.8030069095949986E-3</c:v>
                </c:pt>
                <c:pt idx="84">
                  <c:v>4.773114841122068E-3</c:v>
                </c:pt>
                <c:pt idx="85">
                  <c:v>4.7471377297284099E-3</c:v>
                </c:pt>
                <c:pt idx="86">
                  <c:v>4.7107094405010579E-3</c:v>
                </c:pt>
                <c:pt idx="87">
                  <c:v>4.6909576173762135E-3</c:v>
                </c:pt>
                <c:pt idx="88">
                  <c:v>4.6719340582242006E-3</c:v>
                </c:pt>
                <c:pt idx="89">
                  <c:v>4.6442827781083135E-3</c:v>
                </c:pt>
                <c:pt idx="90">
                  <c:v>4.6343102204776492E-3</c:v>
                </c:pt>
                <c:pt idx="91">
                  <c:v>4.6106832873054251E-3</c:v>
                </c:pt>
                <c:pt idx="92">
                  <c:v>4.5866524307436891E-3</c:v>
                </c:pt>
                <c:pt idx="93">
                  <c:v>4.5794994913947607E-3</c:v>
                </c:pt>
                <c:pt idx="94">
                  <c:v>4.5655308944273134E-3</c:v>
                </c:pt>
                <c:pt idx="95">
                  <c:v>4.5432243652829465E-3</c:v>
                </c:pt>
                <c:pt idx="96">
                  <c:v>4.5347674854586024E-3</c:v>
                </c:pt>
              </c:numCache>
            </c:numRef>
          </c:val>
          <c:smooth val="0"/>
          <c:extLst>
            <c:ext xmlns:c16="http://schemas.microsoft.com/office/drawing/2014/chart" uri="{C3380CC4-5D6E-409C-BE32-E72D297353CC}">
              <c16:uniqueId val="{00000001-DCD3-45F9-8964-058C1079632E}"/>
            </c:ext>
          </c:extLst>
        </c:ser>
        <c:ser>
          <c:idx val="3"/>
          <c:order val="2"/>
          <c:tx>
            <c:strRef>
              <c:f>'Index Charts'!$S$34</c:f>
              <c:strCache>
                <c:ptCount val="1"/>
                <c:pt idx="0">
                  <c:v>Forward Curve</c:v>
                </c:pt>
              </c:strCache>
            </c:strRef>
          </c:tx>
          <c:spPr>
            <a:ln w="25400">
              <a:solidFill>
                <a:schemeClr val="accent1"/>
              </a:solidFill>
            </a:ln>
          </c:spPr>
          <c:marker>
            <c:symbol val="none"/>
          </c:marker>
          <c:cat>
            <c:numRef>
              <c:f>Rates!$C$16:$C$135</c:f>
              <c:numCache>
                <c:formatCode>m/d/yyyy</c:formatCode>
                <c:ptCount val="120"/>
                <c:pt idx="0">
                  <c:v>44712</c:v>
                </c:pt>
                <c:pt idx="1">
                  <c:v>44742</c:v>
                </c:pt>
                <c:pt idx="2">
                  <c:v>44771</c:v>
                </c:pt>
                <c:pt idx="3">
                  <c:v>44804</c:v>
                </c:pt>
                <c:pt idx="4">
                  <c:v>44834</c:v>
                </c:pt>
                <c:pt idx="5">
                  <c:v>44865</c:v>
                </c:pt>
                <c:pt idx="6">
                  <c:v>44895</c:v>
                </c:pt>
                <c:pt idx="7">
                  <c:v>44925</c:v>
                </c:pt>
                <c:pt idx="8">
                  <c:v>44957</c:v>
                </c:pt>
                <c:pt idx="9">
                  <c:v>44985</c:v>
                </c:pt>
                <c:pt idx="10">
                  <c:v>45016</c:v>
                </c:pt>
                <c:pt idx="11">
                  <c:v>45044</c:v>
                </c:pt>
                <c:pt idx="12">
                  <c:v>45077</c:v>
                </c:pt>
                <c:pt idx="13">
                  <c:v>45107</c:v>
                </c:pt>
                <c:pt idx="14">
                  <c:v>45138</c:v>
                </c:pt>
                <c:pt idx="15">
                  <c:v>45169</c:v>
                </c:pt>
                <c:pt idx="16">
                  <c:v>45198</c:v>
                </c:pt>
                <c:pt idx="17">
                  <c:v>45230</c:v>
                </c:pt>
                <c:pt idx="18">
                  <c:v>45260</c:v>
                </c:pt>
                <c:pt idx="19">
                  <c:v>45289</c:v>
                </c:pt>
                <c:pt idx="20">
                  <c:v>45322</c:v>
                </c:pt>
                <c:pt idx="21">
                  <c:v>45351</c:v>
                </c:pt>
                <c:pt idx="22">
                  <c:v>45379</c:v>
                </c:pt>
                <c:pt idx="23">
                  <c:v>45412</c:v>
                </c:pt>
                <c:pt idx="24">
                  <c:v>45443</c:v>
                </c:pt>
                <c:pt idx="25">
                  <c:v>45471</c:v>
                </c:pt>
                <c:pt idx="26">
                  <c:v>45504</c:v>
                </c:pt>
                <c:pt idx="27">
                  <c:v>45534</c:v>
                </c:pt>
                <c:pt idx="28">
                  <c:v>45565</c:v>
                </c:pt>
                <c:pt idx="29">
                  <c:v>45596</c:v>
                </c:pt>
                <c:pt idx="30">
                  <c:v>45625</c:v>
                </c:pt>
                <c:pt idx="31">
                  <c:v>45657</c:v>
                </c:pt>
                <c:pt idx="32">
                  <c:v>45688</c:v>
                </c:pt>
                <c:pt idx="33">
                  <c:v>45716</c:v>
                </c:pt>
                <c:pt idx="34">
                  <c:v>45747</c:v>
                </c:pt>
                <c:pt idx="35">
                  <c:v>45777</c:v>
                </c:pt>
                <c:pt idx="36">
                  <c:v>45807</c:v>
                </c:pt>
                <c:pt idx="37">
                  <c:v>45838</c:v>
                </c:pt>
                <c:pt idx="38">
                  <c:v>45869</c:v>
                </c:pt>
                <c:pt idx="39">
                  <c:v>45898</c:v>
                </c:pt>
                <c:pt idx="40">
                  <c:v>45930</c:v>
                </c:pt>
                <c:pt idx="41">
                  <c:v>45961</c:v>
                </c:pt>
                <c:pt idx="42">
                  <c:v>45989</c:v>
                </c:pt>
                <c:pt idx="43">
                  <c:v>46022</c:v>
                </c:pt>
                <c:pt idx="44">
                  <c:v>46052</c:v>
                </c:pt>
                <c:pt idx="45">
                  <c:v>46080</c:v>
                </c:pt>
                <c:pt idx="46">
                  <c:v>46112</c:v>
                </c:pt>
                <c:pt idx="47">
                  <c:v>46142</c:v>
                </c:pt>
                <c:pt idx="48">
                  <c:v>46171</c:v>
                </c:pt>
                <c:pt idx="49">
                  <c:v>46203</c:v>
                </c:pt>
                <c:pt idx="50">
                  <c:v>46234</c:v>
                </c:pt>
                <c:pt idx="51">
                  <c:v>46265</c:v>
                </c:pt>
                <c:pt idx="52">
                  <c:v>46295</c:v>
                </c:pt>
                <c:pt idx="53">
                  <c:v>46325</c:v>
                </c:pt>
                <c:pt idx="54">
                  <c:v>46356</c:v>
                </c:pt>
                <c:pt idx="55">
                  <c:v>46387</c:v>
                </c:pt>
                <c:pt idx="56">
                  <c:v>46416</c:v>
                </c:pt>
                <c:pt idx="57">
                  <c:v>46444</c:v>
                </c:pt>
                <c:pt idx="58">
                  <c:v>46477</c:v>
                </c:pt>
                <c:pt idx="59">
                  <c:v>46507</c:v>
                </c:pt>
                <c:pt idx="60">
                  <c:v>46538</c:v>
                </c:pt>
                <c:pt idx="61">
                  <c:v>46568</c:v>
                </c:pt>
                <c:pt idx="62">
                  <c:v>46598</c:v>
                </c:pt>
                <c:pt idx="63">
                  <c:v>46630</c:v>
                </c:pt>
                <c:pt idx="64">
                  <c:v>46660</c:v>
                </c:pt>
                <c:pt idx="65">
                  <c:v>46689</c:v>
                </c:pt>
                <c:pt idx="66">
                  <c:v>46721</c:v>
                </c:pt>
                <c:pt idx="67">
                  <c:v>46752</c:v>
                </c:pt>
                <c:pt idx="68">
                  <c:v>46783</c:v>
                </c:pt>
                <c:pt idx="69">
                  <c:v>46812</c:v>
                </c:pt>
                <c:pt idx="70">
                  <c:v>46843</c:v>
                </c:pt>
                <c:pt idx="71">
                  <c:v>46871</c:v>
                </c:pt>
                <c:pt idx="72">
                  <c:v>46904</c:v>
                </c:pt>
                <c:pt idx="73">
                  <c:v>46934</c:v>
                </c:pt>
                <c:pt idx="74">
                  <c:v>46965</c:v>
                </c:pt>
                <c:pt idx="75">
                  <c:v>46996</c:v>
                </c:pt>
                <c:pt idx="76">
                  <c:v>47025</c:v>
                </c:pt>
                <c:pt idx="77">
                  <c:v>47057</c:v>
                </c:pt>
                <c:pt idx="78">
                  <c:v>47087</c:v>
                </c:pt>
                <c:pt idx="79">
                  <c:v>47116</c:v>
                </c:pt>
                <c:pt idx="80">
                  <c:v>47149</c:v>
                </c:pt>
                <c:pt idx="81">
                  <c:v>47177</c:v>
                </c:pt>
                <c:pt idx="82">
                  <c:v>47207</c:v>
                </c:pt>
                <c:pt idx="83">
                  <c:v>47238</c:v>
                </c:pt>
                <c:pt idx="84">
                  <c:v>47269</c:v>
                </c:pt>
                <c:pt idx="85">
                  <c:v>47298</c:v>
                </c:pt>
                <c:pt idx="86">
                  <c:v>47330</c:v>
                </c:pt>
                <c:pt idx="87">
                  <c:v>47361</c:v>
                </c:pt>
                <c:pt idx="88">
                  <c:v>47389</c:v>
                </c:pt>
                <c:pt idx="89">
                  <c:v>47422</c:v>
                </c:pt>
                <c:pt idx="90">
                  <c:v>47452</c:v>
                </c:pt>
                <c:pt idx="91">
                  <c:v>47483</c:v>
                </c:pt>
                <c:pt idx="92">
                  <c:v>47514</c:v>
                </c:pt>
                <c:pt idx="93">
                  <c:v>47542</c:v>
                </c:pt>
                <c:pt idx="94">
                  <c:v>47571</c:v>
                </c:pt>
                <c:pt idx="95">
                  <c:v>47603</c:v>
                </c:pt>
                <c:pt idx="96">
                  <c:v>47634</c:v>
                </c:pt>
                <c:pt idx="97">
                  <c:v>47662</c:v>
                </c:pt>
                <c:pt idx="98">
                  <c:v>47695</c:v>
                </c:pt>
                <c:pt idx="99">
                  <c:v>47725</c:v>
                </c:pt>
                <c:pt idx="100">
                  <c:v>47756</c:v>
                </c:pt>
                <c:pt idx="101">
                  <c:v>47787</c:v>
                </c:pt>
                <c:pt idx="102">
                  <c:v>47816</c:v>
                </c:pt>
                <c:pt idx="103">
                  <c:v>47848</c:v>
                </c:pt>
                <c:pt idx="104">
                  <c:v>47879</c:v>
                </c:pt>
                <c:pt idx="105">
                  <c:v>47907</c:v>
                </c:pt>
                <c:pt idx="106">
                  <c:v>47938</c:v>
                </c:pt>
                <c:pt idx="107">
                  <c:v>47968</c:v>
                </c:pt>
                <c:pt idx="108">
                  <c:v>47998</c:v>
                </c:pt>
                <c:pt idx="109">
                  <c:v>48029</c:v>
                </c:pt>
                <c:pt idx="110">
                  <c:v>48060</c:v>
                </c:pt>
                <c:pt idx="111">
                  <c:v>48089</c:v>
                </c:pt>
                <c:pt idx="112">
                  <c:v>48121</c:v>
                </c:pt>
                <c:pt idx="113">
                  <c:v>48152</c:v>
                </c:pt>
                <c:pt idx="114">
                  <c:v>48180</c:v>
                </c:pt>
                <c:pt idx="115">
                  <c:v>48213</c:v>
                </c:pt>
                <c:pt idx="116">
                  <c:v>48243</c:v>
                </c:pt>
                <c:pt idx="117">
                  <c:v>48271</c:v>
                </c:pt>
                <c:pt idx="118">
                  <c:v>48304</c:v>
                </c:pt>
                <c:pt idx="119">
                  <c:v>48334</c:v>
                </c:pt>
              </c:numCache>
            </c:numRef>
          </c:cat>
          <c:val>
            <c:numRef>
              <c:f>Rates!$L$16:$L$112</c:f>
              <c:numCache>
                <c:formatCode>0.00%</c:formatCode>
                <c:ptCount val="97"/>
                <c:pt idx="0">
                  <c:v>1.1495712712627301E-2</c:v>
                </c:pt>
                <c:pt idx="1">
                  <c:v>1.5336348077654599E-2</c:v>
                </c:pt>
                <c:pt idx="2">
                  <c:v>1.8839025024925599E-2</c:v>
                </c:pt>
                <c:pt idx="3">
                  <c:v>2.2199866669723099E-2</c:v>
                </c:pt>
                <c:pt idx="4">
                  <c:v>2.4609000716532301E-2</c:v>
                </c:pt>
                <c:pt idx="5">
                  <c:v>2.6660187658591399E-2</c:v>
                </c:pt>
                <c:pt idx="6">
                  <c:v>2.8323706743844702E-2</c:v>
                </c:pt>
                <c:pt idx="7">
                  <c:v>2.97287755038982E-2</c:v>
                </c:pt>
                <c:pt idx="8">
                  <c:v>3.10573321963192E-2</c:v>
                </c:pt>
                <c:pt idx="9">
                  <c:v>3.21652568175681E-2</c:v>
                </c:pt>
                <c:pt idx="10">
                  <c:v>3.3114424763592797E-2</c:v>
                </c:pt>
                <c:pt idx="11">
                  <c:v>3.3830507435592197E-2</c:v>
                </c:pt>
                <c:pt idx="12">
                  <c:v>3.4417647097673199E-2</c:v>
                </c:pt>
                <c:pt idx="13">
                  <c:v>3.4652456432680397E-2</c:v>
                </c:pt>
                <c:pt idx="14">
                  <c:v>3.4631278083717097E-2</c:v>
                </c:pt>
                <c:pt idx="15">
                  <c:v>3.4376734426659998E-2</c:v>
                </c:pt>
                <c:pt idx="16">
                  <c:v>3.3906233803846497E-2</c:v>
                </c:pt>
                <c:pt idx="17">
                  <c:v>3.3240616912162402E-2</c:v>
                </c:pt>
                <c:pt idx="18">
                  <c:v>3.26265540425262E-2</c:v>
                </c:pt>
                <c:pt idx="19">
                  <c:v>3.2035419739371802E-2</c:v>
                </c:pt>
                <c:pt idx="20">
                  <c:v>3.14851241292382E-2</c:v>
                </c:pt>
                <c:pt idx="21">
                  <c:v>3.1156637783808699E-2</c:v>
                </c:pt>
                <c:pt idx="22">
                  <c:v>3.0928835586385799E-2</c:v>
                </c:pt>
                <c:pt idx="23">
                  <c:v>3.0784305154785498E-2</c:v>
                </c:pt>
                <c:pt idx="24">
                  <c:v>3.0749347126872599E-2</c:v>
                </c:pt>
                <c:pt idx="25">
                  <c:v>3.0726886890565599E-2</c:v>
                </c:pt>
                <c:pt idx="26">
                  <c:v>3.0701695357771199E-2</c:v>
                </c:pt>
                <c:pt idx="27">
                  <c:v>3.0680159981657299E-2</c:v>
                </c:pt>
                <c:pt idx="28">
                  <c:v>3.0618310260617902E-2</c:v>
                </c:pt>
                <c:pt idx="29">
                  <c:v>3.05329712521492E-2</c:v>
                </c:pt>
                <c:pt idx="30">
                  <c:v>3.04312443744954E-2</c:v>
                </c:pt>
                <c:pt idx="31">
                  <c:v>3.0276815748678802E-2</c:v>
                </c:pt>
                <c:pt idx="32">
                  <c:v>3.0110671377987799E-2</c:v>
                </c:pt>
                <c:pt idx="33">
                  <c:v>2.9939940900871299E-2</c:v>
                </c:pt>
                <c:pt idx="34">
                  <c:v>2.97206415239211E-2</c:v>
                </c:pt>
                <c:pt idx="35">
                  <c:v>2.9505817648100102E-2</c:v>
                </c:pt>
                <c:pt idx="36">
                  <c:v>2.9311943576332801E-2</c:v>
                </c:pt>
                <c:pt idx="37">
                  <c:v>2.9107720843869499E-2</c:v>
                </c:pt>
                <c:pt idx="38">
                  <c:v>2.8933974042041202E-2</c:v>
                </c:pt>
                <c:pt idx="39">
                  <c:v>2.8793324474666301E-2</c:v>
                </c:pt>
                <c:pt idx="40">
                  <c:v>2.86420289797518E-2</c:v>
                </c:pt>
                <c:pt idx="41">
                  <c:v>2.85246776530668E-2</c:v>
                </c:pt>
                <c:pt idx="42">
                  <c:v>2.84428277267256E-2</c:v>
                </c:pt>
                <c:pt idx="43">
                  <c:v>2.8350824132399501E-2</c:v>
                </c:pt>
                <c:pt idx="44">
                  <c:v>2.8284316187647401E-2</c:v>
                </c:pt>
                <c:pt idx="45">
                  <c:v>2.8242173308974799E-2</c:v>
                </c:pt>
                <c:pt idx="46">
                  <c:v>2.8193327942865901E-2</c:v>
                </c:pt>
                <c:pt idx="47">
                  <c:v>2.81618639886488E-2</c:v>
                </c:pt>
                <c:pt idx="48">
                  <c:v>2.8152330196700201E-2</c:v>
                </c:pt>
                <c:pt idx="49">
                  <c:v>2.8138177839562E-2</c:v>
                </c:pt>
                <c:pt idx="50">
                  <c:v>2.8135945180395399E-2</c:v>
                </c:pt>
                <c:pt idx="51">
                  <c:v>2.8157371147178398E-2</c:v>
                </c:pt>
                <c:pt idx="52">
                  <c:v>2.8171355718253601E-2</c:v>
                </c:pt>
                <c:pt idx="53">
                  <c:v>2.81937184858807E-2</c:v>
                </c:pt>
                <c:pt idx="54">
                  <c:v>2.8238410969717201E-2</c:v>
                </c:pt>
                <c:pt idx="55">
                  <c:v>2.8272610926763E-2</c:v>
                </c:pt>
                <c:pt idx="56">
                  <c:v>2.8310091872333399E-2</c:v>
                </c:pt>
                <c:pt idx="57">
                  <c:v>2.8363069985948602E-2</c:v>
                </c:pt>
                <c:pt idx="58">
                  <c:v>2.8409707199869998E-2</c:v>
                </c:pt>
                <c:pt idx="59">
                  <c:v>2.8452381052924299E-2</c:v>
                </c:pt>
                <c:pt idx="60">
                  <c:v>2.8513290386339599E-2</c:v>
                </c:pt>
                <c:pt idx="61">
                  <c:v>2.8559127267908799E-2</c:v>
                </c:pt>
                <c:pt idx="62">
                  <c:v>2.86073348100216E-2</c:v>
                </c:pt>
                <c:pt idx="63">
                  <c:v>2.86751155030571E-2</c:v>
                </c:pt>
                <c:pt idx="64">
                  <c:v>2.8724461195753601E-2</c:v>
                </c:pt>
                <c:pt idx="65">
                  <c:v>2.87749144719847E-2</c:v>
                </c:pt>
                <c:pt idx="66">
                  <c:v>2.88453745911194E-2</c:v>
                </c:pt>
                <c:pt idx="67">
                  <c:v>2.8894422046205698E-2</c:v>
                </c:pt>
                <c:pt idx="68">
                  <c:v>2.8943913821293899E-2</c:v>
                </c:pt>
                <c:pt idx="69">
                  <c:v>2.90031427793126E-2</c:v>
                </c:pt>
                <c:pt idx="70">
                  <c:v>2.90454466012223E-2</c:v>
                </c:pt>
                <c:pt idx="71">
                  <c:v>2.9082795914423299E-2</c:v>
                </c:pt>
                <c:pt idx="72">
                  <c:v>2.91381743162978E-2</c:v>
                </c:pt>
                <c:pt idx="73">
                  <c:v>2.9170798735326599E-2</c:v>
                </c:pt>
                <c:pt idx="74">
                  <c:v>2.9203777684206102E-2</c:v>
                </c:pt>
                <c:pt idx="75">
                  <c:v>2.9245944579894899E-2</c:v>
                </c:pt>
                <c:pt idx="76">
                  <c:v>2.9271006757212E-2</c:v>
                </c:pt>
                <c:pt idx="77">
                  <c:v>2.9292768138467502E-2</c:v>
                </c:pt>
                <c:pt idx="78">
                  <c:v>2.9320464769920299E-2</c:v>
                </c:pt>
                <c:pt idx="79">
                  <c:v>2.9329750892411299E-2</c:v>
                </c:pt>
                <c:pt idx="80">
                  <c:v>2.9330945911932398E-2</c:v>
                </c:pt>
                <c:pt idx="81">
                  <c:v>2.9337190421531899E-2</c:v>
                </c:pt>
                <c:pt idx="82">
                  <c:v>2.9322370290897001E-2</c:v>
                </c:pt>
                <c:pt idx="83">
                  <c:v>2.9303619405779101E-2</c:v>
                </c:pt>
                <c:pt idx="84">
                  <c:v>2.9299085077356402E-2</c:v>
                </c:pt>
                <c:pt idx="85">
                  <c:v>2.9281526896702201E-2</c:v>
                </c:pt>
                <c:pt idx="86">
                  <c:v>2.9264582342126599E-2</c:v>
                </c:pt>
                <c:pt idx="87">
                  <c:v>2.9266933170452598E-2</c:v>
                </c:pt>
                <c:pt idx="88">
                  <c:v>2.9257902588804001E-2</c:v>
                </c:pt>
                <c:pt idx="89">
                  <c:v>2.9249849029139099E-2</c:v>
                </c:pt>
                <c:pt idx="90">
                  <c:v>2.9259702409150198E-2</c:v>
                </c:pt>
                <c:pt idx="91">
                  <c:v>2.9256667072351202E-2</c:v>
                </c:pt>
                <c:pt idx="92">
                  <c:v>2.9256251485453601E-2</c:v>
                </c:pt>
                <c:pt idx="93">
                  <c:v>2.9268001581488599E-2</c:v>
                </c:pt>
                <c:pt idx="94">
                  <c:v>2.9266823360849101E-2</c:v>
                </c:pt>
                <c:pt idx="95">
                  <c:v>2.9263190288143101E-2</c:v>
                </c:pt>
                <c:pt idx="96">
                  <c:v>2.9276272592521399E-2</c:v>
                </c:pt>
              </c:numCache>
            </c:numRef>
          </c:val>
          <c:smooth val="0"/>
          <c:extLst>
            <c:ext xmlns:c16="http://schemas.microsoft.com/office/drawing/2014/chart" uri="{C3380CC4-5D6E-409C-BE32-E72D297353CC}">
              <c16:uniqueId val="{00000002-DCD3-45F9-8964-058C1079632E}"/>
            </c:ext>
          </c:extLst>
        </c:ser>
        <c:ser>
          <c:idx val="4"/>
          <c:order val="3"/>
          <c:spPr>
            <a:ln w="25400">
              <a:solidFill>
                <a:schemeClr val="accent2"/>
              </a:solidFill>
              <a:prstDash val="sysDash"/>
            </a:ln>
          </c:spPr>
          <c:marker>
            <c:symbol val="none"/>
          </c:marker>
          <c:cat>
            <c:numRef>
              <c:f>Rates!$C$16:$C$135</c:f>
              <c:numCache>
                <c:formatCode>m/d/yyyy</c:formatCode>
                <c:ptCount val="120"/>
                <c:pt idx="0">
                  <c:v>44712</c:v>
                </c:pt>
                <c:pt idx="1">
                  <c:v>44742</c:v>
                </c:pt>
                <c:pt idx="2">
                  <c:v>44771</c:v>
                </c:pt>
                <c:pt idx="3">
                  <c:v>44804</c:v>
                </c:pt>
                <c:pt idx="4">
                  <c:v>44834</c:v>
                </c:pt>
                <c:pt idx="5">
                  <c:v>44865</c:v>
                </c:pt>
                <c:pt idx="6">
                  <c:v>44895</c:v>
                </c:pt>
                <c:pt idx="7">
                  <c:v>44925</c:v>
                </c:pt>
                <c:pt idx="8">
                  <c:v>44957</c:v>
                </c:pt>
                <c:pt idx="9">
                  <c:v>44985</c:v>
                </c:pt>
                <c:pt idx="10">
                  <c:v>45016</c:v>
                </c:pt>
                <c:pt idx="11">
                  <c:v>45044</c:v>
                </c:pt>
                <c:pt idx="12">
                  <c:v>45077</c:v>
                </c:pt>
                <c:pt idx="13">
                  <c:v>45107</c:v>
                </c:pt>
                <c:pt idx="14">
                  <c:v>45138</c:v>
                </c:pt>
                <c:pt idx="15">
                  <c:v>45169</c:v>
                </c:pt>
                <c:pt idx="16">
                  <c:v>45198</c:v>
                </c:pt>
                <c:pt idx="17">
                  <c:v>45230</c:v>
                </c:pt>
                <c:pt idx="18">
                  <c:v>45260</c:v>
                </c:pt>
                <c:pt idx="19">
                  <c:v>45289</c:v>
                </c:pt>
                <c:pt idx="20">
                  <c:v>45322</c:v>
                </c:pt>
                <c:pt idx="21">
                  <c:v>45351</c:v>
                </c:pt>
                <c:pt idx="22">
                  <c:v>45379</c:v>
                </c:pt>
                <c:pt idx="23">
                  <c:v>45412</c:v>
                </c:pt>
                <c:pt idx="24">
                  <c:v>45443</c:v>
                </c:pt>
                <c:pt idx="25">
                  <c:v>45471</c:v>
                </c:pt>
                <c:pt idx="26">
                  <c:v>45504</c:v>
                </c:pt>
                <c:pt idx="27">
                  <c:v>45534</c:v>
                </c:pt>
                <c:pt idx="28">
                  <c:v>45565</c:v>
                </c:pt>
                <c:pt idx="29">
                  <c:v>45596</c:v>
                </c:pt>
                <c:pt idx="30">
                  <c:v>45625</c:v>
                </c:pt>
                <c:pt idx="31">
                  <c:v>45657</c:v>
                </c:pt>
                <c:pt idx="32">
                  <c:v>45688</c:v>
                </c:pt>
                <c:pt idx="33">
                  <c:v>45716</c:v>
                </c:pt>
                <c:pt idx="34">
                  <c:v>45747</c:v>
                </c:pt>
                <c:pt idx="35">
                  <c:v>45777</c:v>
                </c:pt>
                <c:pt idx="36">
                  <c:v>45807</c:v>
                </c:pt>
                <c:pt idx="37">
                  <c:v>45838</c:v>
                </c:pt>
                <c:pt idx="38">
                  <c:v>45869</c:v>
                </c:pt>
                <c:pt idx="39">
                  <c:v>45898</c:v>
                </c:pt>
                <c:pt idx="40">
                  <c:v>45930</c:v>
                </c:pt>
                <c:pt idx="41">
                  <c:v>45961</c:v>
                </c:pt>
                <c:pt idx="42">
                  <c:v>45989</c:v>
                </c:pt>
                <c:pt idx="43">
                  <c:v>46022</c:v>
                </c:pt>
                <c:pt idx="44">
                  <c:v>46052</c:v>
                </c:pt>
                <c:pt idx="45">
                  <c:v>46080</c:v>
                </c:pt>
                <c:pt idx="46">
                  <c:v>46112</c:v>
                </c:pt>
                <c:pt idx="47">
                  <c:v>46142</c:v>
                </c:pt>
                <c:pt idx="48">
                  <c:v>46171</c:v>
                </c:pt>
                <c:pt idx="49">
                  <c:v>46203</c:v>
                </c:pt>
                <c:pt idx="50">
                  <c:v>46234</c:v>
                </c:pt>
                <c:pt idx="51">
                  <c:v>46265</c:v>
                </c:pt>
                <c:pt idx="52">
                  <c:v>46295</c:v>
                </c:pt>
                <c:pt idx="53">
                  <c:v>46325</c:v>
                </c:pt>
                <c:pt idx="54">
                  <c:v>46356</c:v>
                </c:pt>
                <c:pt idx="55">
                  <c:v>46387</c:v>
                </c:pt>
                <c:pt idx="56">
                  <c:v>46416</c:v>
                </c:pt>
                <c:pt idx="57">
                  <c:v>46444</c:v>
                </c:pt>
                <c:pt idx="58">
                  <c:v>46477</c:v>
                </c:pt>
                <c:pt idx="59">
                  <c:v>46507</c:v>
                </c:pt>
                <c:pt idx="60">
                  <c:v>46538</c:v>
                </c:pt>
                <c:pt idx="61">
                  <c:v>46568</c:v>
                </c:pt>
                <c:pt idx="62">
                  <c:v>46598</c:v>
                </c:pt>
                <c:pt idx="63">
                  <c:v>46630</c:v>
                </c:pt>
                <c:pt idx="64">
                  <c:v>46660</c:v>
                </c:pt>
                <c:pt idx="65">
                  <c:v>46689</c:v>
                </c:pt>
                <c:pt idx="66">
                  <c:v>46721</c:v>
                </c:pt>
                <c:pt idx="67">
                  <c:v>46752</c:v>
                </c:pt>
                <c:pt idx="68">
                  <c:v>46783</c:v>
                </c:pt>
                <c:pt idx="69">
                  <c:v>46812</c:v>
                </c:pt>
                <c:pt idx="70">
                  <c:v>46843</c:v>
                </c:pt>
                <c:pt idx="71">
                  <c:v>46871</c:v>
                </c:pt>
                <c:pt idx="72">
                  <c:v>46904</c:v>
                </c:pt>
                <c:pt idx="73">
                  <c:v>46934</c:v>
                </c:pt>
                <c:pt idx="74">
                  <c:v>46965</c:v>
                </c:pt>
                <c:pt idx="75">
                  <c:v>46996</c:v>
                </c:pt>
                <c:pt idx="76">
                  <c:v>47025</c:v>
                </c:pt>
                <c:pt idx="77">
                  <c:v>47057</c:v>
                </c:pt>
                <c:pt idx="78">
                  <c:v>47087</c:v>
                </c:pt>
                <c:pt idx="79">
                  <c:v>47116</c:v>
                </c:pt>
                <c:pt idx="80">
                  <c:v>47149</c:v>
                </c:pt>
                <c:pt idx="81">
                  <c:v>47177</c:v>
                </c:pt>
                <c:pt idx="82">
                  <c:v>47207</c:v>
                </c:pt>
                <c:pt idx="83">
                  <c:v>47238</c:v>
                </c:pt>
                <c:pt idx="84">
                  <c:v>47269</c:v>
                </c:pt>
                <c:pt idx="85">
                  <c:v>47298</c:v>
                </c:pt>
                <c:pt idx="86">
                  <c:v>47330</c:v>
                </c:pt>
                <c:pt idx="87">
                  <c:v>47361</c:v>
                </c:pt>
                <c:pt idx="88">
                  <c:v>47389</c:v>
                </c:pt>
                <c:pt idx="89">
                  <c:v>47422</c:v>
                </c:pt>
                <c:pt idx="90">
                  <c:v>47452</c:v>
                </c:pt>
                <c:pt idx="91">
                  <c:v>47483</c:v>
                </c:pt>
                <c:pt idx="92">
                  <c:v>47514</c:v>
                </c:pt>
                <c:pt idx="93">
                  <c:v>47542</c:v>
                </c:pt>
                <c:pt idx="94">
                  <c:v>47571</c:v>
                </c:pt>
                <c:pt idx="95">
                  <c:v>47603</c:v>
                </c:pt>
                <c:pt idx="96">
                  <c:v>47634</c:v>
                </c:pt>
                <c:pt idx="97">
                  <c:v>47662</c:v>
                </c:pt>
                <c:pt idx="98">
                  <c:v>47695</c:v>
                </c:pt>
                <c:pt idx="99">
                  <c:v>47725</c:v>
                </c:pt>
                <c:pt idx="100">
                  <c:v>47756</c:v>
                </c:pt>
                <c:pt idx="101">
                  <c:v>47787</c:v>
                </c:pt>
                <c:pt idx="102">
                  <c:v>47816</c:v>
                </c:pt>
                <c:pt idx="103">
                  <c:v>47848</c:v>
                </c:pt>
                <c:pt idx="104">
                  <c:v>47879</c:v>
                </c:pt>
                <c:pt idx="105">
                  <c:v>47907</c:v>
                </c:pt>
                <c:pt idx="106">
                  <c:v>47938</c:v>
                </c:pt>
                <c:pt idx="107">
                  <c:v>47968</c:v>
                </c:pt>
                <c:pt idx="108">
                  <c:v>47998</c:v>
                </c:pt>
                <c:pt idx="109">
                  <c:v>48029</c:v>
                </c:pt>
                <c:pt idx="110">
                  <c:v>48060</c:v>
                </c:pt>
                <c:pt idx="111">
                  <c:v>48089</c:v>
                </c:pt>
                <c:pt idx="112">
                  <c:v>48121</c:v>
                </c:pt>
                <c:pt idx="113">
                  <c:v>48152</c:v>
                </c:pt>
                <c:pt idx="114">
                  <c:v>48180</c:v>
                </c:pt>
                <c:pt idx="115">
                  <c:v>48213</c:v>
                </c:pt>
                <c:pt idx="116">
                  <c:v>48243</c:v>
                </c:pt>
                <c:pt idx="117">
                  <c:v>48271</c:v>
                </c:pt>
                <c:pt idx="118">
                  <c:v>48304</c:v>
                </c:pt>
                <c:pt idx="119">
                  <c:v>48334</c:v>
                </c:pt>
              </c:numCache>
            </c:numRef>
          </c:cat>
          <c:val>
            <c:numRef>
              <c:f>Rates!$M$16:$M$112</c:f>
              <c:numCache>
                <c:formatCode>0.00%</c:formatCode>
                <c:ptCount val="97"/>
                <c:pt idx="0">
                  <c:v>1.4006775275226474E-2</c:v>
                </c:pt>
                <c:pt idx="1">
                  <c:v>1.9046737453181584E-2</c:v>
                </c:pt>
                <c:pt idx="2">
                  <c:v>2.3433612920710167E-2</c:v>
                </c:pt>
                <c:pt idx="3">
                  <c:v>2.7708112104948016E-2</c:v>
                </c:pt>
                <c:pt idx="4">
                  <c:v>3.0894043763883577E-2</c:v>
                </c:pt>
                <c:pt idx="5">
                  <c:v>3.3854525754854141E-2</c:v>
                </c:pt>
                <c:pt idx="6">
                  <c:v>3.6347666841473752E-2</c:v>
                </c:pt>
                <c:pt idx="7">
                  <c:v>3.852923785710189E-2</c:v>
                </c:pt>
                <c:pt idx="8">
                  <c:v>4.0821404639983294E-2</c:v>
                </c:pt>
                <c:pt idx="9">
                  <c:v>4.2819769843610009E-2</c:v>
                </c:pt>
                <c:pt idx="10">
                  <c:v>4.4706345532899233E-2</c:v>
                </c:pt>
                <c:pt idx="11">
                  <c:v>4.6245948307118923E-2</c:v>
                </c:pt>
                <c:pt idx="12">
                  <c:v>4.7727028709421714E-2</c:v>
                </c:pt>
                <c:pt idx="13">
                  <c:v>4.8724454466691977E-2</c:v>
                </c:pt>
                <c:pt idx="14">
                  <c:v>4.9419982754659086E-2</c:v>
                </c:pt>
                <c:pt idx="15">
                  <c:v>4.9783427613903711E-2</c:v>
                </c:pt>
                <c:pt idx="16">
                  <c:v>4.979528933258287E-2</c:v>
                </c:pt>
                <c:pt idx="17">
                  <c:v>4.9533335152321625E-2</c:v>
                </c:pt>
                <c:pt idx="18">
                  <c:v>4.9282354476188249E-2</c:v>
                </c:pt>
                <c:pt idx="19">
                  <c:v>4.9038098003973261E-2</c:v>
                </c:pt>
                <c:pt idx="20">
                  <c:v>4.8882466860707421E-2</c:v>
                </c:pt>
                <c:pt idx="21">
                  <c:v>4.8924160790035497E-2</c:v>
                </c:pt>
                <c:pt idx="22">
                  <c:v>4.9039696498737344E-2</c:v>
                </c:pt>
                <c:pt idx="23">
                  <c:v>4.927986895757288E-2</c:v>
                </c:pt>
                <c:pt idx="24">
                  <c:v>4.9601598679432458E-2</c:v>
                </c:pt>
                <c:pt idx="25">
                  <c:v>4.9872589072745881E-2</c:v>
                </c:pt>
                <c:pt idx="26">
                  <c:v>5.0152523669283272E-2</c:v>
                </c:pt>
                <c:pt idx="27">
                  <c:v>5.0391135609305047E-2</c:v>
                </c:pt>
                <c:pt idx="28">
                  <c:v>5.0568650724713657E-2</c:v>
                </c:pt>
                <c:pt idx="29">
                  <c:v>5.0699683370362049E-2</c:v>
                </c:pt>
                <c:pt idx="30">
                  <c:v>5.0777957555323536E-2</c:v>
                </c:pt>
                <c:pt idx="31">
                  <c:v>5.079012654069482E-2</c:v>
                </c:pt>
                <c:pt idx="32">
                  <c:v>5.0765572136206145E-2</c:v>
                </c:pt>
                <c:pt idx="33">
                  <c:v>5.06935712698127E-2</c:v>
                </c:pt>
                <c:pt idx="34">
                  <c:v>5.0557061325624549E-2</c:v>
                </c:pt>
                <c:pt idx="35">
                  <c:v>5.0397811195387138E-2</c:v>
                </c:pt>
                <c:pt idx="36">
                  <c:v>5.0262552719813974E-2</c:v>
                </c:pt>
                <c:pt idx="37">
                  <c:v>5.0121949290790502E-2</c:v>
                </c:pt>
                <c:pt idx="38">
                  <c:v>5.002588144841133E-2</c:v>
                </c:pt>
                <c:pt idx="39">
                  <c:v>4.9958762955518592E-2</c:v>
                </c:pt>
                <c:pt idx="40">
                  <c:v>4.9882562840239335E-2</c:v>
                </c:pt>
                <c:pt idx="41">
                  <c:v>4.9840051151802636E-2</c:v>
                </c:pt>
                <c:pt idx="42">
                  <c:v>4.9830266844458723E-2</c:v>
                </c:pt>
                <c:pt idx="43">
                  <c:v>4.9824700816567515E-2</c:v>
                </c:pt>
                <c:pt idx="44">
                  <c:v>4.9838857743451953E-2</c:v>
                </c:pt>
                <c:pt idx="45">
                  <c:v>4.9877475095168385E-2</c:v>
                </c:pt>
                <c:pt idx="46">
                  <c:v>4.9924666514343276E-2</c:v>
                </c:pt>
                <c:pt idx="47">
                  <c:v>4.998863160514757E-2</c:v>
                </c:pt>
                <c:pt idx="48">
                  <c:v>5.0070685818917882E-2</c:v>
                </c:pt>
                <c:pt idx="49">
                  <c:v>5.0145324797595987E-2</c:v>
                </c:pt>
                <c:pt idx="50">
                  <c:v>5.0220276239186748E-2</c:v>
                </c:pt>
                <c:pt idx="51">
                  <c:v>5.0322081649461781E-2</c:v>
                </c:pt>
                <c:pt idx="52">
                  <c:v>5.0400234137270107E-2</c:v>
                </c:pt>
                <c:pt idx="53">
                  <c:v>5.0479483573528425E-2</c:v>
                </c:pt>
                <c:pt idx="54">
                  <c:v>5.0591215467079183E-2</c:v>
                </c:pt>
                <c:pt idx="55">
                  <c:v>5.0680813742357868E-2</c:v>
                </c:pt>
                <c:pt idx="56">
                  <c:v>5.0763430403522145E-2</c:v>
                </c:pt>
                <c:pt idx="57">
                  <c:v>5.0856766260471628E-2</c:v>
                </c:pt>
                <c:pt idx="58">
                  <c:v>5.0944821308402354E-2</c:v>
                </c:pt>
                <c:pt idx="59">
                  <c:v>5.1010039398563703E-2</c:v>
                </c:pt>
                <c:pt idx="60">
                  <c:v>5.1104576312853318E-2</c:v>
                </c:pt>
                <c:pt idx="61">
                  <c:v>5.117308600644227E-2</c:v>
                </c:pt>
                <c:pt idx="62">
                  <c:v>5.1240452300434253E-2</c:v>
                </c:pt>
                <c:pt idx="63">
                  <c:v>5.1345267025292969E-2</c:v>
                </c:pt>
                <c:pt idx="64">
                  <c:v>5.1417289746625197E-2</c:v>
                </c:pt>
                <c:pt idx="65">
                  <c:v>5.1485727389657267E-2</c:v>
                </c:pt>
                <c:pt idx="66">
                  <c:v>5.1589266487512636E-2</c:v>
                </c:pt>
                <c:pt idx="67">
                  <c:v>5.165834132126209E-2</c:v>
                </c:pt>
                <c:pt idx="68">
                  <c:v>5.1729337411332441E-2</c:v>
                </c:pt>
                <c:pt idx="69">
                  <c:v>5.1810544694792765E-2</c:v>
                </c:pt>
                <c:pt idx="70">
                  <c:v>5.186668087737914E-2</c:v>
                </c:pt>
                <c:pt idx="71">
                  <c:v>5.1914286872539038E-2</c:v>
                </c:pt>
                <c:pt idx="72">
                  <c:v>5.1996333235015353E-2</c:v>
                </c:pt>
                <c:pt idx="73">
                  <c:v>5.2039471972355554E-2</c:v>
                </c:pt>
                <c:pt idx="74">
                  <c:v>5.2088053563792397E-2</c:v>
                </c:pt>
                <c:pt idx="75">
                  <c:v>5.2150384001178288E-2</c:v>
                </c:pt>
                <c:pt idx="76">
                  <c:v>5.2181630005103223E-2</c:v>
                </c:pt>
                <c:pt idx="77">
                  <c:v>5.2217942399763101E-2</c:v>
                </c:pt>
                <c:pt idx="78">
                  <c:v>5.2262201686449163E-2</c:v>
                </c:pt>
                <c:pt idx="79">
                  <c:v>5.2279346308389575E-2</c:v>
                </c:pt>
                <c:pt idx="80">
                  <c:v>5.2296621778702743E-2</c:v>
                </c:pt>
                <c:pt idx="81">
                  <c:v>5.2313304815026822E-2</c:v>
                </c:pt>
                <c:pt idx="82">
                  <c:v>5.2299796260639637E-2</c:v>
                </c:pt>
                <c:pt idx="83">
                  <c:v>5.228205825369095E-2</c:v>
                </c:pt>
                <c:pt idx="84">
                  <c:v>5.2294280737711994E-2</c:v>
                </c:pt>
                <c:pt idx="85">
                  <c:v>5.2279764760198855E-2</c:v>
                </c:pt>
                <c:pt idx="86">
                  <c:v>5.2273518816598377E-2</c:v>
                </c:pt>
                <c:pt idx="87">
                  <c:v>5.2291365847823693E-2</c:v>
                </c:pt>
                <c:pt idx="88">
                  <c:v>5.2287729046047657E-2</c:v>
                </c:pt>
                <c:pt idx="89">
                  <c:v>5.2291757140394385E-2</c:v>
                </c:pt>
                <c:pt idx="90">
                  <c:v>5.2316688418676476E-2</c:v>
                </c:pt>
                <c:pt idx="91">
                  <c:v>5.2327163181130537E-2</c:v>
                </c:pt>
                <c:pt idx="92">
                  <c:v>5.2342701589946701E-2</c:v>
                </c:pt>
                <c:pt idx="93">
                  <c:v>5.2369164415564072E-2</c:v>
                </c:pt>
                <c:pt idx="94">
                  <c:v>5.2376448358072314E-2</c:v>
                </c:pt>
                <c:pt idx="95">
                  <c:v>5.2384836281463835E-2</c:v>
                </c:pt>
                <c:pt idx="96">
                  <c:v>5.2414595628699497E-2</c:v>
                </c:pt>
              </c:numCache>
            </c:numRef>
          </c:val>
          <c:smooth val="0"/>
          <c:extLst>
            <c:ext xmlns:c16="http://schemas.microsoft.com/office/drawing/2014/chart" uri="{C3380CC4-5D6E-409C-BE32-E72D297353CC}">
              <c16:uniqueId val="{00000003-DCD3-45F9-8964-058C1079632E}"/>
            </c:ext>
          </c:extLst>
        </c:ser>
        <c:ser>
          <c:idx val="5"/>
          <c:order val="4"/>
          <c:spPr>
            <a:ln w="25400">
              <a:solidFill>
                <a:schemeClr val="accent3"/>
              </a:solidFill>
              <a:prstDash val="sysDot"/>
            </a:ln>
          </c:spPr>
          <c:marker>
            <c:symbol val="none"/>
          </c:marker>
          <c:cat>
            <c:numRef>
              <c:f>Rates!$C$16:$C$135</c:f>
              <c:numCache>
                <c:formatCode>m/d/yyyy</c:formatCode>
                <c:ptCount val="120"/>
                <c:pt idx="0">
                  <c:v>44712</c:v>
                </c:pt>
                <c:pt idx="1">
                  <c:v>44742</c:v>
                </c:pt>
                <c:pt idx="2">
                  <c:v>44771</c:v>
                </c:pt>
                <c:pt idx="3">
                  <c:v>44804</c:v>
                </c:pt>
                <c:pt idx="4">
                  <c:v>44834</c:v>
                </c:pt>
                <c:pt idx="5">
                  <c:v>44865</c:v>
                </c:pt>
                <c:pt idx="6">
                  <c:v>44895</c:v>
                </c:pt>
                <c:pt idx="7">
                  <c:v>44925</c:v>
                </c:pt>
                <c:pt idx="8">
                  <c:v>44957</c:v>
                </c:pt>
                <c:pt idx="9">
                  <c:v>44985</c:v>
                </c:pt>
                <c:pt idx="10">
                  <c:v>45016</c:v>
                </c:pt>
                <c:pt idx="11">
                  <c:v>45044</c:v>
                </c:pt>
                <c:pt idx="12">
                  <c:v>45077</c:v>
                </c:pt>
                <c:pt idx="13">
                  <c:v>45107</c:v>
                </c:pt>
                <c:pt idx="14">
                  <c:v>45138</c:v>
                </c:pt>
                <c:pt idx="15">
                  <c:v>45169</c:v>
                </c:pt>
                <c:pt idx="16">
                  <c:v>45198</c:v>
                </c:pt>
                <c:pt idx="17">
                  <c:v>45230</c:v>
                </c:pt>
                <c:pt idx="18">
                  <c:v>45260</c:v>
                </c:pt>
                <c:pt idx="19">
                  <c:v>45289</c:v>
                </c:pt>
                <c:pt idx="20">
                  <c:v>45322</c:v>
                </c:pt>
                <c:pt idx="21">
                  <c:v>45351</c:v>
                </c:pt>
                <c:pt idx="22">
                  <c:v>45379</c:v>
                </c:pt>
                <c:pt idx="23">
                  <c:v>45412</c:v>
                </c:pt>
                <c:pt idx="24">
                  <c:v>45443</c:v>
                </c:pt>
                <c:pt idx="25">
                  <c:v>45471</c:v>
                </c:pt>
                <c:pt idx="26">
                  <c:v>45504</c:v>
                </c:pt>
                <c:pt idx="27">
                  <c:v>45534</c:v>
                </c:pt>
                <c:pt idx="28">
                  <c:v>45565</c:v>
                </c:pt>
                <c:pt idx="29">
                  <c:v>45596</c:v>
                </c:pt>
                <c:pt idx="30">
                  <c:v>45625</c:v>
                </c:pt>
                <c:pt idx="31">
                  <c:v>45657</c:v>
                </c:pt>
                <c:pt idx="32">
                  <c:v>45688</c:v>
                </c:pt>
                <c:pt idx="33">
                  <c:v>45716</c:v>
                </c:pt>
                <c:pt idx="34">
                  <c:v>45747</c:v>
                </c:pt>
                <c:pt idx="35">
                  <c:v>45777</c:v>
                </c:pt>
                <c:pt idx="36">
                  <c:v>45807</c:v>
                </c:pt>
                <c:pt idx="37">
                  <c:v>45838</c:v>
                </c:pt>
                <c:pt idx="38">
                  <c:v>45869</c:v>
                </c:pt>
                <c:pt idx="39">
                  <c:v>45898</c:v>
                </c:pt>
                <c:pt idx="40">
                  <c:v>45930</c:v>
                </c:pt>
                <c:pt idx="41">
                  <c:v>45961</c:v>
                </c:pt>
                <c:pt idx="42">
                  <c:v>45989</c:v>
                </c:pt>
                <c:pt idx="43">
                  <c:v>46022</c:v>
                </c:pt>
                <c:pt idx="44">
                  <c:v>46052</c:v>
                </c:pt>
                <c:pt idx="45">
                  <c:v>46080</c:v>
                </c:pt>
                <c:pt idx="46">
                  <c:v>46112</c:v>
                </c:pt>
                <c:pt idx="47">
                  <c:v>46142</c:v>
                </c:pt>
                <c:pt idx="48">
                  <c:v>46171</c:v>
                </c:pt>
                <c:pt idx="49">
                  <c:v>46203</c:v>
                </c:pt>
                <c:pt idx="50">
                  <c:v>46234</c:v>
                </c:pt>
                <c:pt idx="51">
                  <c:v>46265</c:v>
                </c:pt>
                <c:pt idx="52">
                  <c:v>46295</c:v>
                </c:pt>
                <c:pt idx="53">
                  <c:v>46325</c:v>
                </c:pt>
                <c:pt idx="54">
                  <c:v>46356</c:v>
                </c:pt>
                <c:pt idx="55">
                  <c:v>46387</c:v>
                </c:pt>
                <c:pt idx="56">
                  <c:v>46416</c:v>
                </c:pt>
                <c:pt idx="57">
                  <c:v>46444</c:v>
                </c:pt>
                <c:pt idx="58">
                  <c:v>46477</c:v>
                </c:pt>
                <c:pt idx="59">
                  <c:v>46507</c:v>
                </c:pt>
                <c:pt idx="60">
                  <c:v>46538</c:v>
                </c:pt>
                <c:pt idx="61">
                  <c:v>46568</c:v>
                </c:pt>
                <c:pt idx="62">
                  <c:v>46598</c:v>
                </c:pt>
                <c:pt idx="63">
                  <c:v>46630</c:v>
                </c:pt>
                <c:pt idx="64">
                  <c:v>46660</c:v>
                </c:pt>
                <c:pt idx="65">
                  <c:v>46689</c:v>
                </c:pt>
                <c:pt idx="66">
                  <c:v>46721</c:v>
                </c:pt>
                <c:pt idx="67">
                  <c:v>46752</c:v>
                </c:pt>
                <c:pt idx="68">
                  <c:v>46783</c:v>
                </c:pt>
                <c:pt idx="69">
                  <c:v>46812</c:v>
                </c:pt>
                <c:pt idx="70">
                  <c:v>46843</c:v>
                </c:pt>
                <c:pt idx="71">
                  <c:v>46871</c:v>
                </c:pt>
                <c:pt idx="72">
                  <c:v>46904</c:v>
                </c:pt>
                <c:pt idx="73">
                  <c:v>46934</c:v>
                </c:pt>
                <c:pt idx="74">
                  <c:v>46965</c:v>
                </c:pt>
                <c:pt idx="75">
                  <c:v>46996</c:v>
                </c:pt>
                <c:pt idx="76">
                  <c:v>47025</c:v>
                </c:pt>
                <c:pt idx="77">
                  <c:v>47057</c:v>
                </c:pt>
                <c:pt idx="78">
                  <c:v>47087</c:v>
                </c:pt>
                <c:pt idx="79">
                  <c:v>47116</c:v>
                </c:pt>
                <c:pt idx="80">
                  <c:v>47149</c:v>
                </c:pt>
                <c:pt idx="81">
                  <c:v>47177</c:v>
                </c:pt>
                <c:pt idx="82">
                  <c:v>47207</c:v>
                </c:pt>
                <c:pt idx="83">
                  <c:v>47238</c:v>
                </c:pt>
                <c:pt idx="84">
                  <c:v>47269</c:v>
                </c:pt>
                <c:pt idx="85">
                  <c:v>47298</c:v>
                </c:pt>
                <c:pt idx="86">
                  <c:v>47330</c:v>
                </c:pt>
                <c:pt idx="87">
                  <c:v>47361</c:v>
                </c:pt>
                <c:pt idx="88">
                  <c:v>47389</c:v>
                </c:pt>
                <c:pt idx="89">
                  <c:v>47422</c:v>
                </c:pt>
                <c:pt idx="90">
                  <c:v>47452</c:v>
                </c:pt>
                <c:pt idx="91">
                  <c:v>47483</c:v>
                </c:pt>
                <c:pt idx="92">
                  <c:v>47514</c:v>
                </c:pt>
                <c:pt idx="93">
                  <c:v>47542</c:v>
                </c:pt>
                <c:pt idx="94">
                  <c:v>47571</c:v>
                </c:pt>
                <c:pt idx="95">
                  <c:v>47603</c:v>
                </c:pt>
                <c:pt idx="96">
                  <c:v>47634</c:v>
                </c:pt>
                <c:pt idx="97">
                  <c:v>47662</c:v>
                </c:pt>
                <c:pt idx="98">
                  <c:v>47695</c:v>
                </c:pt>
                <c:pt idx="99">
                  <c:v>47725</c:v>
                </c:pt>
                <c:pt idx="100">
                  <c:v>47756</c:v>
                </c:pt>
                <c:pt idx="101">
                  <c:v>47787</c:v>
                </c:pt>
                <c:pt idx="102">
                  <c:v>47816</c:v>
                </c:pt>
                <c:pt idx="103">
                  <c:v>47848</c:v>
                </c:pt>
                <c:pt idx="104">
                  <c:v>47879</c:v>
                </c:pt>
                <c:pt idx="105">
                  <c:v>47907</c:v>
                </c:pt>
                <c:pt idx="106">
                  <c:v>47938</c:v>
                </c:pt>
                <c:pt idx="107">
                  <c:v>47968</c:v>
                </c:pt>
                <c:pt idx="108">
                  <c:v>47998</c:v>
                </c:pt>
                <c:pt idx="109">
                  <c:v>48029</c:v>
                </c:pt>
                <c:pt idx="110">
                  <c:v>48060</c:v>
                </c:pt>
                <c:pt idx="111">
                  <c:v>48089</c:v>
                </c:pt>
                <c:pt idx="112">
                  <c:v>48121</c:v>
                </c:pt>
                <c:pt idx="113">
                  <c:v>48152</c:v>
                </c:pt>
                <c:pt idx="114">
                  <c:v>48180</c:v>
                </c:pt>
                <c:pt idx="115">
                  <c:v>48213</c:v>
                </c:pt>
                <c:pt idx="116">
                  <c:v>48243</c:v>
                </c:pt>
                <c:pt idx="117">
                  <c:v>48271</c:v>
                </c:pt>
                <c:pt idx="118">
                  <c:v>48304</c:v>
                </c:pt>
                <c:pt idx="119">
                  <c:v>48334</c:v>
                </c:pt>
              </c:numCache>
            </c:numRef>
          </c:cat>
          <c:val>
            <c:numRef>
              <c:f>Rates!$N$16:$N$112</c:f>
              <c:numCache>
                <c:formatCode>0.00%</c:formatCode>
                <c:ptCount val="97"/>
                <c:pt idx="0">
                  <c:v>1.6996483005114915E-2</c:v>
                </c:pt>
                <c:pt idx="1">
                  <c:v>2.3664978135876868E-2</c:v>
                </c:pt>
                <c:pt idx="2">
                  <c:v>2.9264264334388682E-2</c:v>
                </c:pt>
                <c:pt idx="3">
                  <c:v>3.482325345121947E-2</c:v>
                </c:pt>
                <c:pt idx="4">
                  <c:v>3.9143161132669607E-2</c:v>
                </c:pt>
                <c:pt idx="5">
                  <c:v>4.3509637154589706E-2</c:v>
                </c:pt>
                <c:pt idx="6">
                  <c:v>4.7334358184155594E-2</c:v>
                </c:pt>
                <c:pt idx="7">
                  <c:v>5.0805904892282087E-2</c:v>
                </c:pt>
                <c:pt idx="8">
                  <c:v>5.4789881831350577E-2</c:v>
                </c:pt>
                <c:pt idx="9">
                  <c:v>5.841933392869695E-2</c:v>
                </c:pt>
                <c:pt idx="10">
                  <c:v>6.2115567870413245E-2</c:v>
                </c:pt>
                <c:pt idx="11">
                  <c:v>6.5322940263025625E-2</c:v>
                </c:pt>
                <c:pt idx="12">
                  <c:v>6.8722300196817965E-2</c:v>
                </c:pt>
                <c:pt idx="13">
                  <c:v>7.1488983626321306E-2</c:v>
                </c:pt>
                <c:pt idx="14">
                  <c:v>7.3991251145302139E-2</c:v>
                </c:pt>
                <c:pt idx="15">
                  <c:v>7.6068135287909663E-2</c:v>
                </c:pt>
                <c:pt idx="16">
                  <c:v>7.7589053295307298E-2</c:v>
                </c:pt>
                <c:pt idx="17">
                  <c:v>7.8777224126571413E-2</c:v>
                </c:pt>
                <c:pt idx="18">
                  <c:v>7.9921081430599533E-2</c:v>
                </c:pt>
                <c:pt idx="19">
                  <c:v>8.1096113183980231E-2</c:v>
                </c:pt>
                <c:pt idx="20">
                  <c:v>8.2591888629097304E-2</c:v>
                </c:pt>
                <c:pt idx="21">
                  <c:v>8.4156866225413032E-2</c:v>
                </c:pt>
                <c:pt idx="22">
                  <c:v>8.5702856125505697E-2</c:v>
                </c:pt>
                <c:pt idx="23">
                  <c:v>8.7535738333185995E-2</c:v>
                </c:pt>
                <c:pt idx="24">
                  <c:v>8.9313335943237357E-2</c:v>
                </c:pt>
                <c:pt idx="25">
                  <c:v>9.0818801515871087E-2</c:v>
                </c:pt>
                <c:pt idx="26">
                  <c:v>9.2427164978878762E-2</c:v>
                </c:pt>
                <c:pt idx="27">
                  <c:v>9.3835407570926038E-2</c:v>
                </c:pt>
                <c:pt idx="28">
                  <c:v>9.5169957572388178E-2</c:v>
                </c:pt>
                <c:pt idx="29">
                  <c:v>9.6416013620330088E-2</c:v>
                </c:pt>
                <c:pt idx="30">
                  <c:v>9.7490240580314746E-2</c:v>
                </c:pt>
                <c:pt idx="31">
                  <c:v>9.8535103482525518E-2</c:v>
                </c:pt>
                <c:pt idx="32">
                  <c:v>9.9468608340037568E-2</c:v>
                </c:pt>
                <c:pt idx="33">
                  <c:v>0.10016821753771865</c:v>
                </c:pt>
                <c:pt idx="34">
                  <c:v>0.10081886763143391</c:v>
                </c:pt>
                <c:pt idx="35">
                  <c:v>0.10131659505027964</c:v>
                </c:pt>
                <c:pt idx="36">
                  <c:v>0.10184224942404867</c:v>
                </c:pt>
                <c:pt idx="37">
                  <c:v>0.10243288605210234</c:v>
                </c:pt>
                <c:pt idx="38">
                  <c:v>0.1031219104112899</c:v>
                </c:pt>
                <c:pt idx="39">
                  <c:v>0.10377669092611179</c:v>
                </c:pt>
                <c:pt idx="40">
                  <c:v>0.10447728079992319</c:v>
                </c:pt>
                <c:pt idx="41">
                  <c:v>0.10516347684113304</c:v>
                </c:pt>
                <c:pt idx="42">
                  <c:v>0.10580668356696052</c:v>
                </c:pt>
                <c:pt idx="43">
                  <c:v>0.10659196300622577</c:v>
                </c:pt>
                <c:pt idx="44">
                  <c:v>0.10731917893404165</c:v>
                </c:pt>
                <c:pt idx="45">
                  <c:v>0.10802930208409577</c:v>
                </c:pt>
                <c:pt idx="46">
                  <c:v>0.10889191837173909</c:v>
                </c:pt>
                <c:pt idx="47">
                  <c:v>0.10974274820206076</c:v>
                </c:pt>
                <c:pt idx="48">
                  <c:v>0.11054138687906739</c:v>
                </c:pt>
                <c:pt idx="49">
                  <c:v>0.11133988896738378</c:v>
                </c:pt>
                <c:pt idx="50">
                  <c:v>0.11202753579513293</c:v>
                </c:pt>
                <c:pt idx="51">
                  <c:v>0.11270697717638423</c:v>
                </c:pt>
                <c:pt idx="52">
                  <c:v>0.11326223252238131</c:v>
                </c:pt>
                <c:pt idx="53">
                  <c:v>0.11373811475892144</c:v>
                </c:pt>
                <c:pt idx="54">
                  <c:v>0.11426336112340524</c:v>
                </c:pt>
                <c:pt idx="55">
                  <c:v>0.11470613649571586</c:v>
                </c:pt>
                <c:pt idx="56">
                  <c:v>0.11504690839438882</c:v>
                </c:pt>
                <c:pt idx="57">
                  <c:v>0.11530790570301928</c:v>
                </c:pt>
                <c:pt idx="58">
                  <c:v>0.11559375523104361</c:v>
                </c:pt>
                <c:pt idx="59">
                  <c:v>0.11570961180480167</c:v>
                </c:pt>
                <c:pt idx="60">
                  <c:v>0.11588875889194165</c:v>
                </c:pt>
                <c:pt idx="61">
                  <c:v>0.11599859918541901</c:v>
                </c:pt>
                <c:pt idx="62">
                  <c:v>0.11606978125867674</c:v>
                </c:pt>
                <c:pt idx="63">
                  <c:v>0.11626555313352106</c:v>
                </c:pt>
                <c:pt idx="64">
                  <c:v>0.11636760020235727</c:v>
                </c:pt>
                <c:pt idx="65">
                  <c:v>0.11642298799713806</c:v>
                </c:pt>
                <c:pt idx="66">
                  <c:v>0.11657562669606227</c:v>
                </c:pt>
                <c:pt idx="67">
                  <c:v>0.11665380207617597</c:v>
                </c:pt>
                <c:pt idx="68">
                  <c:v>0.11674498131933191</c:v>
                </c:pt>
                <c:pt idx="69">
                  <c:v>0.11681912623937506</c:v>
                </c:pt>
                <c:pt idx="70">
                  <c:v>0.1168548870527011</c:v>
                </c:pt>
                <c:pt idx="71">
                  <c:v>0.1168684668117561</c:v>
                </c:pt>
                <c:pt idx="72">
                  <c:v>0.11699541231714604</c:v>
                </c:pt>
                <c:pt idx="73">
                  <c:v>0.11702202318398823</c:v>
                </c:pt>
                <c:pt idx="74">
                  <c:v>0.11709512750756053</c:v>
                </c:pt>
                <c:pt idx="75">
                  <c:v>0.11719061758688297</c:v>
                </c:pt>
                <c:pt idx="76">
                  <c:v>0.11719376595907403</c:v>
                </c:pt>
                <c:pt idx="77">
                  <c:v>0.11728139477583342</c:v>
                </c:pt>
                <c:pt idx="78">
                  <c:v>0.11737483950119314</c:v>
                </c:pt>
                <c:pt idx="79">
                  <c:v>0.11742748559105499</c:v>
                </c:pt>
                <c:pt idx="80">
                  <c:v>0.1175738592397667</c:v>
                </c:pt>
                <c:pt idx="81">
                  <c:v>0.11765718283778547</c:v>
                </c:pt>
                <c:pt idx="82">
                  <c:v>0.11770180796268655</c:v>
                </c:pt>
                <c:pt idx="83">
                  <c:v>0.11775251647995975</c:v>
                </c:pt>
                <c:pt idx="84">
                  <c:v>0.11791934490875346</c:v>
                </c:pt>
                <c:pt idx="85">
                  <c:v>0.11798721151289678</c:v>
                </c:pt>
                <c:pt idx="86">
                  <c:v>0.1181263047825593</c:v>
                </c:pt>
                <c:pt idx="87">
                  <c:v>0.118267528756632</c:v>
                </c:pt>
                <c:pt idx="88">
                  <c:v>0.11833941713029468</c:v>
                </c:pt>
                <c:pt idx="89">
                  <c:v>0.11847298634319921</c:v>
                </c:pt>
                <c:pt idx="90">
                  <c:v>0.11859391575498739</c:v>
                </c:pt>
                <c:pt idx="91">
                  <c:v>0.11873029879457243</c:v>
                </c:pt>
                <c:pt idx="92">
                  <c:v>0.11888447595854713</c:v>
                </c:pt>
                <c:pt idx="93">
                  <c:v>0.11899817939813133</c:v>
                </c:pt>
                <c:pt idx="94">
                  <c:v>0.11908262988902645</c:v>
                </c:pt>
                <c:pt idx="95">
                  <c:v>0.11920764396377591</c:v>
                </c:pt>
                <c:pt idx="96">
                  <c:v>0.11933771897619065</c:v>
                </c:pt>
              </c:numCache>
            </c:numRef>
          </c:val>
          <c:smooth val="0"/>
          <c:extLst>
            <c:ext xmlns:c16="http://schemas.microsoft.com/office/drawing/2014/chart" uri="{C3380CC4-5D6E-409C-BE32-E72D297353CC}">
              <c16:uniqueId val="{00000004-DCD3-45F9-8964-058C1079632E}"/>
            </c:ext>
          </c:extLst>
        </c:ser>
        <c:dLbls>
          <c:showLegendKey val="0"/>
          <c:showVal val="0"/>
          <c:showCatName val="0"/>
          <c:showSerName val="0"/>
          <c:showPercent val="0"/>
          <c:showBubbleSize val="0"/>
        </c:dLbls>
        <c:smooth val="0"/>
        <c:axId val="883123016"/>
        <c:axId val="883120664"/>
      </c:lineChart>
      <c:dateAx>
        <c:axId val="883123016"/>
        <c:scaling>
          <c:orientation val="minMax"/>
          <c:max val="46692"/>
        </c:scaling>
        <c:delete val="0"/>
        <c:axPos val="b"/>
        <c:numFmt formatCode="[$-409]mmm\-yy;@" sourceLinked="0"/>
        <c:majorTickMark val="cross"/>
        <c:minorTickMark val="in"/>
        <c:tickLblPos val="low"/>
        <c:spPr>
          <a:ln>
            <a:solidFill>
              <a:schemeClr val="bg2">
                <a:lumMod val="90000"/>
              </a:schemeClr>
            </a:solidFill>
          </a:ln>
        </c:spPr>
        <c:txPr>
          <a:bodyPr/>
          <a:lstStyle/>
          <a:p>
            <a:pPr>
              <a:defRPr sz="1050">
                <a:solidFill>
                  <a:schemeClr val="tx1"/>
                </a:solidFill>
              </a:defRPr>
            </a:pPr>
            <a:endParaRPr lang="en-US"/>
          </a:p>
        </c:txPr>
        <c:crossAx val="883120664"/>
        <c:crosses val="autoZero"/>
        <c:auto val="1"/>
        <c:lblOffset val="100"/>
        <c:baseTimeUnit val="months"/>
        <c:majorUnit val="12"/>
      </c:dateAx>
      <c:valAx>
        <c:axId val="883120664"/>
        <c:scaling>
          <c:orientation val="minMax"/>
          <c:max val="0.12000000000000001"/>
        </c:scaling>
        <c:delete val="0"/>
        <c:axPos val="l"/>
        <c:majorGridlines>
          <c:spPr>
            <a:ln>
              <a:solidFill>
                <a:schemeClr val="bg1">
                  <a:lumMod val="85000"/>
                </a:schemeClr>
              </a:solidFill>
            </a:ln>
          </c:spPr>
        </c:majorGridlines>
        <c:numFmt formatCode="0.0%" sourceLinked="0"/>
        <c:majorTickMark val="out"/>
        <c:minorTickMark val="none"/>
        <c:tickLblPos val="low"/>
        <c:spPr>
          <a:ln>
            <a:solidFill>
              <a:schemeClr val="bg2">
                <a:lumMod val="90000"/>
              </a:schemeClr>
            </a:solidFill>
          </a:ln>
        </c:spPr>
        <c:txPr>
          <a:bodyPr/>
          <a:lstStyle/>
          <a:p>
            <a:pPr>
              <a:defRPr sz="1050">
                <a:solidFill>
                  <a:schemeClr val="tx1"/>
                </a:solidFill>
              </a:defRPr>
            </a:pPr>
            <a:endParaRPr lang="en-US"/>
          </a:p>
        </c:txPr>
        <c:crossAx val="883123016"/>
        <c:crosses val="autoZero"/>
        <c:crossBetween val="between"/>
      </c:valAx>
      <c:spPr>
        <a:ln>
          <a:noFill/>
        </a:ln>
      </c:spPr>
    </c:plotArea>
    <c:legend>
      <c:legendPos val="t"/>
      <c:legendEntry>
        <c:idx val="3"/>
        <c:delete val="1"/>
      </c:legendEntry>
      <c:legendEntry>
        <c:idx val="4"/>
        <c:delete val="1"/>
      </c:legendEntry>
      <c:layout>
        <c:manualLayout>
          <c:xMode val="edge"/>
          <c:yMode val="edge"/>
          <c:x val="0.24781932041875132"/>
          <c:y val="6.8549945892967229E-2"/>
          <c:w val="0.50291021747407449"/>
          <c:h val="7.0755235561906132E-2"/>
        </c:manualLayout>
      </c:layout>
      <c:overlay val="0"/>
      <c:spPr>
        <a:ln>
          <a:noFill/>
        </a:ln>
      </c:spPr>
      <c:txPr>
        <a:bodyPr/>
        <a:lstStyle/>
        <a:p>
          <a:pPr>
            <a:defRPr sz="900"/>
          </a:pPr>
          <a:endParaRPr lang="en-US"/>
        </a:p>
      </c:txPr>
    </c:legend>
    <c:plotVisOnly val="1"/>
    <c:dispBlanksAs val="gap"/>
    <c:showDLblsOverMax val="0"/>
  </c:chart>
  <c:spPr>
    <a:solidFill>
      <a:schemeClr val="bg1"/>
    </a:solidFill>
    <a:ln>
      <a:noFill/>
    </a:ln>
  </c:spPr>
  <c:externalData r:id="rId1">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solidFill>
                <a:latin typeface="+mn-lt"/>
                <a:ea typeface="+mn-ea"/>
                <a:cs typeface="+mn-cs"/>
              </a:defRPr>
            </a:pPr>
            <a:r>
              <a:rPr lang="en-US" b="1">
                <a:solidFill>
                  <a:schemeClr val="tx1"/>
                </a:solidFill>
              </a:rPr>
              <a:t>Total Interest Expense</a:t>
            </a:r>
          </a:p>
          <a:p>
            <a:pPr>
              <a:defRPr>
                <a:solidFill>
                  <a:schemeClr val="tx1"/>
                </a:solidFill>
              </a:defRPr>
            </a:pPr>
            <a:r>
              <a:rPr lang="en-US" sz="1000" b="1">
                <a:solidFill>
                  <a:schemeClr val="tx1"/>
                </a:solidFill>
              </a:rPr>
              <a:t>Forward Curve w/</a:t>
            </a:r>
            <a:r>
              <a:rPr lang="en-US" sz="1000" b="1" baseline="0">
                <a:solidFill>
                  <a:schemeClr val="tx1"/>
                </a:solidFill>
              </a:rPr>
              <a:t> ± 1 &amp; </a:t>
            </a:r>
            <a:r>
              <a:rPr lang="en-US" sz="1000" b="1">
                <a:solidFill>
                  <a:schemeClr val="tx1"/>
                </a:solidFill>
              </a:rPr>
              <a:t>2 Standard Deviation Bands</a:t>
            </a:r>
          </a:p>
        </c:rich>
      </c:tx>
      <c:layout>
        <c:manualLayout>
          <c:xMode val="edge"/>
          <c:yMode val="edge"/>
          <c:x val="0.35077147238445544"/>
          <c:y val="1.0598189090203148E-2"/>
        </c:manualLayout>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solidFill>
              <a:latin typeface="+mn-lt"/>
              <a:ea typeface="+mn-ea"/>
              <a:cs typeface="+mn-cs"/>
            </a:defRPr>
          </a:pPr>
          <a:endParaRPr lang="en-US"/>
        </a:p>
      </c:txPr>
    </c:title>
    <c:autoTitleDeleted val="0"/>
    <c:plotArea>
      <c:layout>
        <c:manualLayout>
          <c:layoutTarget val="inner"/>
          <c:xMode val="edge"/>
          <c:yMode val="edge"/>
          <c:x val="5.7143050403599203E-2"/>
          <c:y val="0.17874945291140504"/>
          <c:w val="0.92610497237569056"/>
          <c:h val="0.74594633107430941"/>
        </c:manualLayout>
      </c:layout>
      <c:barChart>
        <c:barDir val="col"/>
        <c:grouping val="stacked"/>
        <c:varyColors val="0"/>
        <c:ser>
          <c:idx val="0"/>
          <c:order val="0"/>
          <c:tx>
            <c:strRef>
              <c:f>'Summary Data'!#REF!</c:f>
              <c:strCache>
                <c:ptCount val="1"/>
                <c:pt idx="0">
                  <c:v>#REF!</c:v>
                </c:pt>
              </c:strCache>
            </c:strRef>
          </c:tx>
          <c:spPr>
            <a:solidFill>
              <a:schemeClr val="accent1"/>
            </a:solidFill>
            <a:ln>
              <a:noFill/>
            </a:ln>
            <a:effectLst/>
          </c:spPr>
          <c:invertIfNegative val="0"/>
          <c:cat>
            <c:strRef>
              <c:f>'Summary Data'!$S$3:$S$8</c:f>
              <c:strCache>
                <c:ptCount val="6"/>
                <c:pt idx="0">
                  <c:v>Current State</c:v>
                </c:pt>
                <c:pt idx="1">
                  <c:v>Swap 50%</c:v>
                </c:pt>
                <c:pt idx="2">
                  <c:v>Swap 70%</c:v>
                </c:pt>
                <c:pt idx="3">
                  <c:v>Swap 90%</c:v>
                </c:pt>
                <c:pt idx="4">
                  <c:v>Swap 50% with 3% Cap</c:v>
                </c:pt>
                <c:pt idx="5">
                  <c:v>Swap 70% with 3% Cap</c:v>
                </c:pt>
              </c:strCache>
            </c:strRef>
          </c:cat>
          <c:val>
            <c:numRef>
              <c:f>'Summary Data'!#REF!</c:f>
              <c:numCache>
                <c:formatCode>General</c:formatCode>
                <c:ptCount val="1"/>
                <c:pt idx="0">
                  <c:v>1</c:v>
                </c:pt>
              </c:numCache>
            </c:numRef>
          </c:val>
          <c:extLst>
            <c:ext xmlns:c16="http://schemas.microsoft.com/office/drawing/2014/chart" uri="{C3380CC4-5D6E-409C-BE32-E72D297353CC}">
              <c16:uniqueId val="{00000000-C9B7-4A54-BCC1-38A2B58C01F5}"/>
            </c:ext>
          </c:extLst>
        </c:ser>
        <c:ser>
          <c:idx val="1"/>
          <c:order val="1"/>
          <c:tx>
            <c:strRef>
              <c:f>'Summary Data'!$Y$2</c:f>
              <c:strCache>
                <c:ptCount val="1"/>
                <c:pt idx="0">
                  <c:v>Min</c:v>
                </c:pt>
              </c:strCache>
            </c:strRef>
          </c:tx>
          <c:spPr>
            <a:solidFill>
              <a:schemeClr val="bg1">
                <a:alpha val="0"/>
              </a:schemeClr>
            </a:solidFill>
            <a:ln>
              <a:noFill/>
            </a:ln>
            <a:effectLst/>
          </c:spPr>
          <c:invertIfNegative val="0"/>
          <c:cat>
            <c:strRef>
              <c:f>'Summary Data'!$S$3:$S$8</c:f>
              <c:strCache>
                <c:ptCount val="6"/>
                <c:pt idx="0">
                  <c:v>Current State</c:v>
                </c:pt>
                <c:pt idx="1">
                  <c:v>Swap 50%</c:v>
                </c:pt>
                <c:pt idx="2">
                  <c:v>Swap 70%</c:v>
                </c:pt>
                <c:pt idx="3">
                  <c:v>Swap 90%</c:v>
                </c:pt>
                <c:pt idx="4">
                  <c:v>Swap 50% with 3% Cap</c:v>
                </c:pt>
                <c:pt idx="5">
                  <c:v>Swap 70% with 3% Cap</c:v>
                </c:pt>
              </c:strCache>
            </c:strRef>
          </c:cat>
          <c:val>
            <c:numRef>
              <c:f>'Summary Data'!$Y$3:$Y$8</c:f>
              <c:numCache>
                <c:formatCode>#,##0</c:formatCode>
                <c:ptCount val="6"/>
                <c:pt idx="0">
                  <c:v>44604881.714941323</c:v>
                </c:pt>
                <c:pt idx="1">
                  <c:v>64165207.778181203</c:v>
                </c:pt>
                <c:pt idx="2">
                  <c:v>71989338.203477144</c:v>
                </c:pt>
                <c:pt idx="3">
                  <c:v>79573765.541864648</c:v>
                </c:pt>
                <c:pt idx="4">
                  <c:v>50327341.986581132</c:v>
                </c:pt>
                <c:pt idx="5">
                  <c:v>52616326.095237054</c:v>
                </c:pt>
              </c:numCache>
            </c:numRef>
          </c:val>
          <c:extLst>
            <c:ext xmlns:c16="http://schemas.microsoft.com/office/drawing/2014/chart" uri="{C3380CC4-5D6E-409C-BE32-E72D297353CC}">
              <c16:uniqueId val="{00000001-C9B7-4A54-BCC1-38A2B58C01F5}"/>
            </c:ext>
          </c:extLst>
        </c:ser>
        <c:ser>
          <c:idx val="2"/>
          <c:order val="2"/>
          <c:tx>
            <c:strRef>
              <c:f>'Summary Data'!$Z$2</c:f>
              <c:strCache>
                <c:ptCount val="1"/>
                <c:pt idx="0">
                  <c:v>Difference to Max</c:v>
                </c:pt>
              </c:strCache>
            </c:strRef>
          </c:tx>
          <c:spPr>
            <a:solidFill>
              <a:schemeClr val="bg1">
                <a:lumMod val="85000"/>
              </a:schemeClr>
            </a:solidFill>
            <a:ln>
              <a:noFill/>
            </a:ln>
            <a:effectLst/>
          </c:spPr>
          <c:invertIfNegative val="0"/>
          <c:cat>
            <c:strRef>
              <c:f>'Summary Data'!$S$3:$S$8</c:f>
              <c:strCache>
                <c:ptCount val="6"/>
                <c:pt idx="0">
                  <c:v>Current State</c:v>
                </c:pt>
                <c:pt idx="1">
                  <c:v>Swap 50%</c:v>
                </c:pt>
                <c:pt idx="2">
                  <c:v>Swap 70%</c:v>
                </c:pt>
                <c:pt idx="3">
                  <c:v>Swap 90%</c:v>
                </c:pt>
                <c:pt idx="4">
                  <c:v>Swap 50% with 3% Cap</c:v>
                </c:pt>
                <c:pt idx="5">
                  <c:v>Swap 70% with 3% Cap</c:v>
                </c:pt>
              </c:strCache>
            </c:strRef>
          </c:cat>
          <c:val>
            <c:numRef>
              <c:f>'Summary Data'!$Z$3:$Z$8</c:f>
              <c:numCache>
                <c:formatCode>#,##0</c:formatCode>
                <c:ptCount val="6"/>
                <c:pt idx="0">
                  <c:v>126870994.60674918</c:v>
                </c:pt>
                <c:pt idx="1">
                  <c:v>62743077.992632292</c:v>
                </c:pt>
                <c:pt idx="2">
                  <c:v>37091911.346985549</c:v>
                </c:pt>
                <c:pt idx="3">
                  <c:v>11680447.788247243</c:v>
                </c:pt>
                <c:pt idx="4">
                  <c:v>82729681.270540878</c:v>
                </c:pt>
                <c:pt idx="5">
                  <c:v>65073155.936057575</c:v>
                </c:pt>
              </c:numCache>
            </c:numRef>
          </c:val>
          <c:extLst>
            <c:ext xmlns:c16="http://schemas.microsoft.com/office/drawing/2014/chart" uri="{C3380CC4-5D6E-409C-BE32-E72D297353CC}">
              <c16:uniqueId val="{00000002-C9B7-4A54-BCC1-38A2B58C01F5}"/>
            </c:ext>
          </c:extLst>
        </c:ser>
        <c:dLbls>
          <c:showLegendKey val="0"/>
          <c:showVal val="0"/>
          <c:showCatName val="0"/>
          <c:showSerName val="0"/>
          <c:showPercent val="0"/>
          <c:showBubbleSize val="0"/>
        </c:dLbls>
        <c:gapWidth val="219"/>
        <c:overlap val="100"/>
        <c:axId val="883112432"/>
        <c:axId val="883109296"/>
      </c:barChart>
      <c:scatterChart>
        <c:scatterStyle val="lineMarker"/>
        <c:varyColors val="0"/>
        <c:ser>
          <c:idx val="3"/>
          <c:order val="3"/>
          <c:tx>
            <c:strRef>
              <c:f>'Summary Data'!$V$2</c:f>
              <c:strCache>
                <c:ptCount val="1"/>
                <c:pt idx="0">
                  <c:v>Base Case</c:v>
                </c:pt>
              </c:strCache>
            </c:strRef>
          </c:tx>
          <c:spPr>
            <a:ln w="25400" cap="rnd">
              <a:noFill/>
              <a:round/>
            </a:ln>
            <a:effectLst/>
          </c:spPr>
          <c:marker>
            <c:symbol val="circle"/>
            <c:size val="5"/>
            <c:spPr>
              <a:solidFill>
                <a:srgbClr val="8D0E57"/>
              </a:solidFill>
              <a:ln w="9525">
                <a:noFill/>
              </a:ln>
              <a:effectLst/>
            </c:spPr>
          </c:marker>
          <c:dLbls>
            <c:dLbl>
              <c:idx val="0"/>
              <c:tx>
                <c:rich>
                  <a:bodyPr/>
                  <a:lstStyle/>
                  <a:p>
                    <a:fld id="{586BC19E-A510-488B-9E73-BEBD2E6D28A5}" type="CELLRANGE">
                      <a:rPr lang="en-US"/>
                      <a:pPr/>
                      <a:t>[CELLRANGE]</a:t>
                    </a:fld>
                    <a:r>
                      <a:rPr lang="en-US" baseline="0"/>
                      <a:t>, </a:t>
                    </a:r>
                    <a:fld id="{191CAF87-5CBD-400D-A4A6-3435F74E95EC}" type="YVALUE">
                      <a:rPr lang="en-US" baseline="0"/>
                      <a:pPr/>
                      <a:t>[Y VALUE]</a:t>
                    </a:fld>
                    <a:endParaRPr lang="en-US" baseline="0"/>
                  </a:p>
                </c:rich>
              </c:tx>
              <c:dLblPos val="r"/>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C9B7-4A54-BCC1-38A2B58C01F5}"/>
                </c:ext>
              </c:extLst>
            </c:dLbl>
            <c:dLbl>
              <c:idx val="1"/>
              <c:tx>
                <c:rich>
                  <a:bodyPr/>
                  <a:lstStyle/>
                  <a:p>
                    <a:fld id="{D393F9A7-6F8B-4A9F-BA68-0D9690BDB35C}" type="CELLRANGE">
                      <a:rPr lang="en-US"/>
                      <a:pPr/>
                      <a:t>[CELLRANGE]</a:t>
                    </a:fld>
                    <a:r>
                      <a:rPr lang="en-US" baseline="0"/>
                      <a:t>, </a:t>
                    </a:r>
                    <a:fld id="{FD76F05F-B525-4134-BB05-4F89A22D179A}" type="YVALUE">
                      <a:rPr lang="en-US" baseline="0"/>
                      <a:pPr/>
                      <a:t>[Y VALUE]</a:t>
                    </a:fld>
                    <a:endParaRPr lang="en-US" baseline="0"/>
                  </a:p>
                </c:rich>
              </c:tx>
              <c:dLblPos val="r"/>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C9B7-4A54-BCC1-38A2B58C01F5}"/>
                </c:ext>
              </c:extLst>
            </c:dLbl>
            <c:dLbl>
              <c:idx val="2"/>
              <c:tx>
                <c:rich>
                  <a:bodyPr/>
                  <a:lstStyle/>
                  <a:p>
                    <a:fld id="{0BD52CF8-1435-4910-A2E8-F082888FB012}" type="CELLRANGE">
                      <a:rPr lang="en-US"/>
                      <a:pPr/>
                      <a:t>[CELLRANGE]</a:t>
                    </a:fld>
                    <a:r>
                      <a:rPr lang="en-US" baseline="0"/>
                      <a:t>, </a:t>
                    </a:r>
                    <a:fld id="{74E4BEF2-9F63-4A71-AC6F-4C31A9D995E2}" type="YVALUE">
                      <a:rPr lang="en-US" baseline="0"/>
                      <a:pPr/>
                      <a:t>[Y VALUE]</a:t>
                    </a:fld>
                    <a:endParaRPr lang="en-US" baseline="0"/>
                  </a:p>
                </c:rich>
              </c:tx>
              <c:dLblPos val="r"/>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C9B7-4A54-BCC1-38A2B58C01F5}"/>
                </c:ext>
              </c:extLst>
            </c:dLbl>
            <c:dLbl>
              <c:idx val="3"/>
              <c:layout>
                <c:manualLayout>
                  <c:x val="0"/>
                  <c:y val="6.535416295726044E-3"/>
                </c:manualLayout>
              </c:layout>
              <c:tx>
                <c:rich>
                  <a:bodyPr/>
                  <a:lstStyle/>
                  <a:p>
                    <a:fld id="{496FC1F9-6B59-4148-84B2-B3A0998ED8D7}" type="CELLRANGE">
                      <a:rPr lang="en-US" baseline="0"/>
                      <a:pPr/>
                      <a:t>[CELLRANGE]</a:t>
                    </a:fld>
                    <a:r>
                      <a:rPr lang="en-US" baseline="0"/>
                      <a:t>, </a:t>
                    </a:r>
                    <a:fld id="{8ABB8DF9-63F2-4F3B-9F1E-CB5008F71AD2}" type="YVALUE">
                      <a:rPr lang="en-US" baseline="0"/>
                      <a:pPr/>
                      <a:t>[Y VALUE]</a:t>
                    </a:fld>
                    <a:endParaRPr lang="en-US" baseline="0"/>
                  </a:p>
                </c:rich>
              </c:tx>
              <c:dLblPos val="r"/>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6-C9B7-4A54-BCC1-38A2B58C01F5}"/>
                </c:ext>
              </c:extLst>
            </c:dLbl>
            <c:dLbl>
              <c:idx val="4"/>
              <c:tx>
                <c:rich>
                  <a:bodyPr/>
                  <a:lstStyle/>
                  <a:p>
                    <a:fld id="{E9F00B58-F3CE-433E-92E5-E96B4EAB1158}" type="CELLRANGE">
                      <a:rPr lang="en-US"/>
                      <a:pPr/>
                      <a:t>[CELLRANGE]</a:t>
                    </a:fld>
                    <a:r>
                      <a:rPr lang="en-US" baseline="0"/>
                      <a:t>, </a:t>
                    </a:r>
                    <a:fld id="{F2AFAB0D-010D-4418-A831-A106B949DC56}" type="YVALUE">
                      <a:rPr lang="en-US" baseline="0"/>
                      <a:pPr/>
                      <a:t>[Y VALUE]</a:t>
                    </a:fld>
                    <a:endParaRPr lang="en-US" baseline="0"/>
                  </a:p>
                </c:rich>
              </c:tx>
              <c:dLblPos val="r"/>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7-C9B7-4A54-BCC1-38A2B58C01F5}"/>
                </c:ext>
              </c:extLst>
            </c:dLbl>
            <c:dLbl>
              <c:idx val="5"/>
              <c:tx>
                <c:rich>
                  <a:bodyPr/>
                  <a:lstStyle/>
                  <a:p>
                    <a:fld id="{6F0C5B98-664A-4574-B04E-F0C3E1860743}" type="CELLRANGE">
                      <a:rPr lang="en-US"/>
                      <a:pPr/>
                      <a:t>[CELLRANGE]</a:t>
                    </a:fld>
                    <a:r>
                      <a:rPr lang="en-US" baseline="0"/>
                      <a:t>, </a:t>
                    </a:r>
                    <a:fld id="{8593B7C2-8D26-4705-A339-50A2597AC0BB}" type="YVALUE">
                      <a:rPr lang="en-US" baseline="0"/>
                      <a:pPr/>
                      <a:t>[Y VALUE]</a:t>
                    </a:fld>
                    <a:endParaRPr lang="en-US" baseline="0"/>
                  </a:p>
                </c:rich>
              </c:tx>
              <c:dLblPos val="r"/>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8-C9B7-4A54-BCC1-38A2B58C01F5}"/>
                </c:ext>
              </c:extLst>
            </c:dLbl>
            <c:numFmt formatCode="&quot;$&quot;#,##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dLblPos val="r"/>
            <c:showLegendKey val="0"/>
            <c:showVal val="1"/>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yVal>
            <c:numRef>
              <c:f>'Summary Data'!$V$3:$V$8</c:f>
              <c:numCache>
                <c:formatCode>#,##0</c:formatCode>
                <c:ptCount val="6"/>
                <c:pt idx="0">
                  <c:v>82366387.045340195</c:v>
                </c:pt>
                <c:pt idx="1">
                  <c:v>82353541.13263835</c:v>
                </c:pt>
                <c:pt idx="2">
                  <c:v>82348402.767557606</c:v>
                </c:pt>
                <c:pt idx="3">
                  <c:v>82343264.402476862</c:v>
                </c:pt>
                <c:pt idx="4">
                  <c:v>87463524.700002447</c:v>
                </c:pt>
                <c:pt idx="5">
                  <c:v>89502379.761867359</c:v>
                </c:pt>
              </c:numCache>
            </c:numRef>
          </c:yVal>
          <c:smooth val="0"/>
          <c:extLst>
            <c:ext xmlns:c15="http://schemas.microsoft.com/office/drawing/2012/chart" uri="{02D57815-91ED-43cb-92C2-25804820EDAC}">
              <c15:datalabelsRange>
                <c15:f>'Summary Data'!$V$11:$V$16</c15:f>
                <c15:dlblRangeCache>
                  <c:ptCount val="6"/>
                  <c:pt idx="0">
                    <c:v>5.41%</c:v>
                  </c:pt>
                  <c:pt idx="1">
                    <c:v>5.41%</c:v>
                  </c:pt>
                  <c:pt idx="2">
                    <c:v>5.41%</c:v>
                  </c:pt>
                  <c:pt idx="3">
                    <c:v>5.41%</c:v>
                  </c:pt>
                  <c:pt idx="4">
                    <c:v>5.75%</c:v>
                  </c:pt>
                  <c:pt idx="5">
                    <c:v>5.88%</c:v>
                  </c:pt>
                </c15:dlblRangeCache>
              </c15:datalabelsRange>
            </c:ext>
            <c:ext xmlns:c16="http://schemas.microsoft.com/office/drawing/2014/chart" uri="{C3380CC4-5D6E-409C-BE32-E72D297353CC}">
              <c16:uniqueId val="{00000009-C9B7-4A54-BCC1-38A2B58C01F5}"/>
            </c:ext>
          </c:extLst>
        </c:ser>
        <c:ser>
          <c:idx val="4"/>
          <c:order val="4"/>
          <c:tx>
            <c:strRef>
              <c:f>'Summary Data'!$T$2</c:f>
              <c:strCache>
                <c:ptCount val="1"/>
                <c:pt idx="0">
                  <c:v>-2SD</c:v>
                </c:pt>
              </c:strCache>
            </c:strRef>
          </c:tx>
          <c:spPr>
            <a:ln w="25400" cap="rnd">
              <a:noFill/>
              <a:round/>
            </a:ln>
            <a:effectLst/>
          </c:spPr>
          <c:marker>
            <c:symbol val="circle"/>
            <c:size val="5"/>
            <c:spPr>
              <a:solidFill>
                <a:schemeClr val="accent5"/>
              </a:solidFill>
              <a:ln w="9525">
                <a:noFill/>
              </a:ln>
              <a:effectLst/>
            </c:spPr>
          </c:marker>
          <c:dLbls>
            <c:dLbl>
              <c:idx val="0"/>
              <c:tx>
                <c:rich>
                  <a:bodyPr/>
                  <a:lstStyle/>
                  <a:p>
                    <a:fld id="{2F98D567-0E44-476A-82F7-F308E00A8E1E}" type="CELLRANGE">
                      <a:rPr lang="en-US"/>
                      <a:pPr/>
                      <a:t>[CELLRANGE]</a:t>
                    </a:fld>
                    <a:r>
                      <a:rPr lang="en-US" baseline="0"/>
                      <a:t>, </a:t>
                    </a:r>
                    <a:fld id="{97D6B215-0CED-4CC2-959F-0025ED6BE7BC}"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C9B7-4A54-BCC1-38A2B58C01F5}"/>
                </c:ext>
              </c:extLst>
            </c:dLbl>
            <c:dLbl>
              <c:idx val="1"/>
              <c:layout>
                <c:manualLayout>
                  <c:x val="0"/>
                  <c:y val="9.8031244435890647E-3"/>
                </c:manualLayout>
              </c:layout>
              <c:tx>
                <c:rich>
                  <a:bodyPr/>
                  <a:lstStyle/>
                  <a:p>
                    <a:fld id="{C790A91A-3F8A-4B31-93EE-EC940F79DD3A}" type="CELLRANGE">
                      <a:rPr lang="en-US" baseline="0"/>
                      <a:pPr/>
                      <a:t>[CELLRANGE]</a:t>
                    </a:fld>
                    <a:r>
                      <a:rPr lang="en-US" baseline="0"/>
                      <a:t>, </a:t>
                    </a:r>
                    <a:fld id="{65CFAE5C-7D08-4CDC-B2A8-695F3BE1BEE6}"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B-C9B7-4A54-BCC1-38A2B58C01F5}"/>
                </c:ext>
              </c:extLst>
            </c:dLbl>
            <c:dLbl>
              <c:idx val="2"/>
              <c:layout>
                <c:manualLayout>
                  <c:x val="0"/>
                  <c:y val="3.2677081478630216E-2"/>
                </c:manualLayout>
              </c:layout>
              <c:tx>
                <c:rich>
                  <a:bodyPr/>
                  <a:lstStyle/>
                  <a:p>
                    <a:fld id="{59034006-D38B-41C5-BA6F-60610B870083}" type="CELLRANGE">
                      <a:rPr lang="en-US" baseline="0"/>
                      <a:pPr/>
                      <a:t>[CELLRANGE]</a:t>
                    </a:fld>
                    <a:r>
                      <a:rPr lang="en-US" baseline="0"/>
                      <a:t>, </a:t>
                    </a:r>
                    <a:fld id="{A46CA71F-62E3-43CC-8E7F-B1C11DEFA325}"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C9B7-4A54-BCC1-38A2B58C01F5}"/>
                </c:ext>
              </c:extLst>
            </c:dLbl>
            <c:dLbl>
              <c:idx val="3"/>
              <c:layout>
                <c:manualLayout>
                  <c:x val="0"/>
                  <c:y val="2.6141665182904176E-2"/>
                </c:manualLayout>
              </c:layout>
              <c:tx>
                <c:rich>
                  <a:bodyPr/>
                  <a:lstStyle/>
                  <a:p>
                    <a:fld id="{D90BFAC6-B8A2-4535-BA29-268CAA0DD251}" type="CELLRANGE">
                      <a:rPr lang="en-US" baseline="0"/>
                      <a:pPr/>
                      <a:t>[CELLRANGE]</a:t>
                    </a:fld>
                    <a:r>
                      <a:rPr lang="en-US" baseline="0"/>
                      <a:t>, </a:t>
                    </a:r>
                    <a:fld id="{5815FC37-1E9D-4D3B-A1A3-F14C33CA24D0}"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D-C9B7-4A54-BCC1-38A2B58C01F5}"/>
                </c:ext>
              </c:extLst>
            </c:dLbl>
            <c:dLbl>
              <c:idx val="4"/>
              <c:tx>
                <c:rich>
                  <a:bodyPr/>
                  <a:lstStyle/>
                  <a:p>
                    <a:fld id="{9C0B95AF-4F9E-4CB9-B9A2-2C719B627517}" type="CELLRANGE">
                      <a:rPr lang="en-US"/>
                      <a:pPr/>
                      <a:t>[CELLRANGE]</a:t>
                    </a:fld>
                    <a:r>
                      <a:rPr lang="en-US" baseline="0"/>
                      <a:t>, </a:t>
                    </a:r>
                    <a:fld id="{A4F444A0-9582-4DD2-8B4C-5916B64744CB}"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C9B7-4A54-BCC1-38A2B58C01F5}"/>
                </c:ext>
              </c:extLst>
            </c:dLbl>
            <c:dLbl>
              <c:idx val="5"/>
              <c:tx>
                <c:rich>
                  <a:bodyPr rot="0" spcFirstLastPara="1" vertOverflow="ellipsis" vert="horz" wrap="square" lIns="38100" tIns="19050" rIns="38100" bIns="19050" anchor="ctr" anchorCtr="0">
                    <a:spAutoFit/>
                  </a:bodyPr>
                  <a:lstStyle/>
                  <a:p>
                    <a:pPr algn="ctr">
                      <a:defRPr lang="en-US" sz="1000" b="0" i="0" u="none" strike="noStrike" kern="1200" baseline="0">
                        <a:solidFill>
                          <a:schemeClr val="tx1">
                            <a:lumMod val="75000"/>
                            <a:lumOff val="25000"/>
                          </a:schemeClr>
                        </a:solidFill>
                        <a:latin typeface="+mn-lt"/>
                        <a:ea typeface="+mn-ea"/>
                        <a:cs typeface="+mn-cs"/>
                      </a:defRPr>
                    </a:pPr>
                    <a:fld id="{7DDCE9BE-67BD-4063-AD22-D95D09E1D76F}" type="CELLRANGE">
                      <a:rPr lang="en-US"/>
                      <a:pPr algn="ctr">
                        <a:defRPr lang="en-US" sz="1000"/>
                      </a:pPr>
                      <a:t>[CELLRANGE]</a:t>
                    </a:fld>
                    <a:r>
                      <a:rPr lang="en-US" baseline="0"/>
                      <a:t>, </a:t>
                    </a:r>
                    <a:fld id="{4CE614FB-C387-4529-BC0C-C31C0E8076A9}" type="YVALUE">
                      <a:rPr lang="en-US" baseline="0"/>
                      <a:pPr algn="ctr">
                        <a:defRPr lang="en-US" sz="1000"/>
                      </a:pPr>
                      <a:t>[Y VALUE]</a:t>
                    </a:fld>
                    <a:endParaRPr lang="en-US" baseline="0"/>
                  </a:p>
                </c:rich>
              </c:tx>
              <c:numFmt formatCode="&quot;$&quot;#,##0" sourceLinked="0"/>
              <c:spPr>
                <a:noFill/>
                <a:ln>
                  <a:noFill/>
                </a:ln>
                <a:effectLst/>
              </c:spPr>
              <c:txPr>
                <a:bodyPr rot="0" spcFirstLastPara="1" vertOverflow="ellipsis" vert="horz" wrap="square" lIns="38100" tIns="19050" rIns="38100" bIns="19050" anchor="ctr" anchorCtr="0">
                  <a:spAutoFit/>
                </a:bodyPr>
                <a:lstStyle/>
                <a:p>
                  <a:pPr algn="ctr">
                    <a:defRPr lang="en-US" sz="10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F-C9B7-4A54-BCC1-38A2B58C01F5}"/>
                </c:ext>
              </c:extLst>
            </c:dLbl>
            <c:numFmt formatCode="&quot;$&quot;#,##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xVal>
            <c:strRef>
              <c:f>'Summary Data'!$S$3:$S$8</c:f>
              <c:strCache>
                <c:ptCount val="6"/>
                <c:pt idx="0">
                  <c:v>Current State</c:v>
                </c:pt>
                <c:pt idx="1">
                  <c:v>Swap 50%</c:v>
                </c:pt>
                <c:pt idx="2">
                  <c:v>Swap 70%</c:v>
                </c:pt>
                <c:pt idx="3">
                  <c:v>Swap 90%</c:v>
                </c:pt>
                <c:pt idx="4">
                  <c:v>Swap 50% with 3% Cap</c:v>
                </c:pt>
                <c:pt idx="5">
                  <c:v>Swap 70% with 3% Cap</c:v>
                </c:pt>
              </c:strCache>
            </c:strRef>
          </c:xVal>
          <c:yVal>
            <c:numRef>
              <c:f>'Summary Data'!$T$3:$T$8</c:f>
              <c:numCache>
                <c:formatCode>#,##0</c:formatCode>
                <c:ptCount val="6"/>
                <c:pt idx="0">
                  <c:v>44604881.714941323</c:v>
                </c:pt>
                <c:pt idx="1">
                  <c:v>64165207.778181203</c:v>
                </c:pt>
                <c:pt idx="2">
                  <c:v>71989338.203477144</c:v>
                </c:pt>
                <c:pt idx="3">
                  <c:v>79813468.628773078</c:v>
                </c:pt>
                <c:pt idx="4">
                  <c:v>50327341.986581132</c:v>
                </c:pt>
                <c:pt idx="5">
                  <c:v>52616326.095237054</c:v>
                </c:pt>
              </c:numCache>
            </c:numRef>
          </c:yVal>
          <c:smooth val="0"/>
          <c:extLst>
            <c:ext xmlns:c15="http://schemas.microsoft.com/office/drawing/2012/chart" uri="{02D57815-91ED-43cb-92C2-25804820EDAC}">
              <c15:datalabelsRange>
                <c15:f>'Summary Data'!$T$11:$T$16</c15:f>
                <c15:dlblRangeCache>
                  <c:ptCount val="6"/>
                  <c:pt idx="0">
                    <c:v>2.93%</c:v>
                  </c:pt>
                  <c:pt idx="1">
                    <c:v>4.22%</c:v>
                  </c:pt>
                  <c:pt idx="2">
                    <c:v>4.73%</c:v>
                  </c:pt>
                  <c:pt idx="3">
                    <c:v>5.25%</c:v>
                  </c:pt>
                  <c:pt idx="4">
                    <c:v>3.31%</c:v>
                  </c:pt>
                  <c:pt idx="5">
                    <c:v>3.46%</c:v>
                  </c:pt>
                </c15:dlblRangeCache>
              </c15:datalabelsRange>
            </c:ext>
            <c:ext xmlns:c16="http://schemas.microsoft.com/office/drawing/2014/chart" uri="{C3380CC4-5D6E-409C-BE32-E72D297353CC}">
              <c16:uniqueId val="{00000010-C9B7-4A54-BCC1-38A2B58C01F5}"/>
            </c:ext>
          </c:extLst>
        </c:ser>
        <c:ser>
          <c:idx val="5"/>
          <c:order val="5"/>
          <c:tx>
            <c:strRef>
              <c:f>'Summary Data'!$U$2</c:f>
              <c:strCache>
                <c:ptCount val="1"/>
                <c:pt idx="0">
                  <c:v>-1SD</c:v>
                </c:pt>
              </c:strCache>
            </c:strRef>
          </c:tx>
          <c:spPr>
            <a:ln w="25400" cap="rnd">
              <a:noFill/>
              <a:round/>
            </a:ln>
            <a:effectLst/>
          </c:spPr>
          <c:marker>
            <c:symbol val="circle"/>
            <c:size val="5"/>
            <c:spPr>
              <a:solidFill>
                <a:schemeClr val="accent3"/>
              </a:solidFill>
              <a:ln w="9525">
                <a:noFill/>
              </a:ln>
              <a:effectLst/>
            </c:spPr>
          </c:marker>
          <c:dLbls>
            <c:dLbl>
              <c:idx val="0"/>
              <c:tx>
                <c:rich>
                  <a:bodyPr/>
                  <a:lstStyle/>
                  <a:p>
                    <a:fld id="{0C2A052B-51ED-44CE-A514-0FF07ADF5766}" type="CELLRANGE">
                      <a:rPr lang="en-US"/>
                      <a:pPr/>
                      <a:t>[CELLRANGE]</a:t>
                    </a:fld>
                    <a:r>
                      <a:rPr lang="en-US" baseline="0"/>
                      <a:t>, </a:t>
                    </a:r>
                    <a:fld id="{2F232211-6A06-4AD2-AF73-2222D3F14B25}"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1-C9B7-4A54-BCC1-38A2B58C01F5}"/>
                </c:ext>
              </c:extLst>
            </c:dLbl>
            <c:dLbl>
              <c:idx val="1"/>
              <c:layout>
                <c:manualLayout>
                  <c:x val="-3.5755373453260578E-4"/>
                  <c:y val="-9.0601620186769307E-4"/>
                </c:manualLayout>
              </c:layout>
              <c:tx>
                <c:rich>
                  <a:bodyPr/>
                  <a:lstStyle/>
                  <a:p>
                    <a:fld id="{339D239F-1E0B-481B-8EDF-E5882729B8A3}" type="CELLRANGE">
                      <a:rPr lang="en-US" baseline="0"/>
                      <a:pPr/>
                      <a:t>[CELLRANGE]</a:t>
                    </a:fld>
                    <a:r>
                      <a:rPr lang="en-US" baseline="0"/>
                      <a:t>, </a:t>
                    </a:r>
                    <a:fld id="{828D756A-397A-4BEE-BBB8-4A8FAF630E26}"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2-C9B7-4A54-BCC1-38A2B58C01F5}"/>
                </c:ext>
              </c:extLst>
            </c:dLbl>
            <c:dLbl>
              <c:idx val="2"/>
              <c:layout>
                <c:manualLayout>
                  <c:x val="0"/>
                  <c:y val="3.2677081478629019E-3"/>
                </c:manualLayout>
              </c:layout>
              <c:tx>
                <c:rich>
                  <a:bodyPr/>
                  <a:lstStyle/>
                  <a:p>
                    <a:fld id="{F7834DD1-AF15-4583-8F0D-AF7AF364E8B1}" type="CELLRANGE">
                      <a:rPr lang="en-US" baseline="0"/>
                      <a:pPr/>
                      <a:t>[CELLRANGE]</a:t>
                    </a:fld>
                    <a:r>
                      <a:rPr lang="en-US" baseline="0"/>
                      <a:t>, </a:t>
                    </a:r>
                    <a:fld id="{EADBCE3E-B2CC-4B5A-81F2-9B3650CD5672}"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3-C9B7-4A54-BCC1-38A2B58C01F5}"/>
                </c:ext>
              </c:extLst>
            </c:dLbl>
            <c:dLbl>
              <c:idx val="3"/>
              <c:layout>
                <c:manualLayout>
                  <c:x val="0"/>
                  <c:y val="5.8818746661534395E-2"/>
                </c:manualLayout>
              </c:layout>
              <c:tx>
                <c:rich>
                  <a:bodyPr/>
                  <a:lstStyle/>
                  <a:p>
                    <a:fld id="{8B56800B-865D-4CF3-B09C-877567D0FF1E}" type="CELLRANGE">
                      <a:rPr lang="en-US" baseline="0"/>
                      <a:pPr/>
                      <a:t>[CELLRANGE]</a:t>
                    </a:fld>
                    <a:r>
                      <a:rPr lang="en-US" baseline="0"/>
                      <a:t>, </a:t>
                    </a:r>
                    <a:fld id="{2C2D5272-96A2-4D1B-B0A0-E6B9FA2AB680}"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4-C9B7-4A54-BCC1-38A2B58C01F5}"/>
                </c:ext>
              </c:extLst>
            </c:dLbl>
            <c:dLbl>
              <c:idx val="4"/>
              <c:tx>
                <c:rich>
                  <a:bodyPr/>
                  <a:lstStyle/>
                  <a:p>
                    <a:fld id="{4F831B39-55E8-4F37-ADDD-59D67616EC1B}" type="CELLRANGE">
                      <a:rPr lang="en-US"/>
                      <a:pPr/>
                      <a:t>[CELLRANGE]</a:t>
                    </a:fld>
                    <a:r>
                      <a:rPr lang="en-US" baseline="0"/>
                      <a:t>, </a:t>
                    </a:r>
                    <a:fld id="{D9F4D255-A765-4E3D-98BB-FF8347D1C3F7}"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5-C9B7-4A54-BCC1-38A2B58C01F5}"/>
                </c:ext>
              </c:extLst>
            </c:dLbl>
            <c:dLbl>
              <c:idx val="5"/>
              <c:tx>
                <c:rich>
                  <a:bodyPr/>
                  <a:lstStyle/>
                  <a:p>
                    <a:fld id="{A85F1DBC-A799-494A-880C-833763C6AA8D}" type="CELLRANGE">
                      <a:rPr lang="en-US"/>
                      <a:pPr/>
                      <a:t>[CELLRANGE]</a:t>
                    </a:fld>
                    <a:r>
                      <a:rPr lang="en-US" baseline="0"/>
                      <a:t>, </a:t>
                    </a:r>
                    <a:fld id="{FE963D83-F21F-4F04-8FF8-3731C387CA4E}"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6-C9B7-4A54-BCC1-38A2B58C01F5}"/>
                </c:ext>
              </c:extLst>
            </c:dLbl>
            <c:numFmt formatCode="&quot;$&quot;#,##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xVal>
            <c:strRef>
              <c:f>'Summary Data'!$S$3:$S$8</c:f>
              <c:strCache>
                <c:ptCount val="6"/>
                <c:pt idx="0">
                  <c:v>Current State</c:v>
                </c:pt>
                <c:pt idx="1">
                  <c:v>Swap 50%</c:v>
                </c:pt>
                <c:pt idx="2">
                  <c:v>Swap 70%</c:v>
                </c:pt>
                <c:pt idx="3">
                  <c:v>Swap 90%</c:v>
                </c:pt>
                <c:pt idx="4">
                  <c:v>Swap 50% with 3% Cap</c:v>
                </c:pt>
                <c:pt idx="5">
                  <c:v>Swap 70% with 3% Cap</c:v>
                </c:pt>
              </c:strCache>
            </c:strRef>
          </c:xVal>
          <c:yVal>
            <c:numRef>
              <c:f>'Summary Data'!$U$3:$U$8</c:f>
              <c:numCache>
                <c:formatCode>#,##0</c:formatCode>
                <c:ptCount val="6"/>
                <c:pt idx="0">
                  <c:v>54671398.439218134</c:v>
                </c:pt>
                <c:pt idx="1">
                  <c:v>68506046.829577312</c:v>
                </c:pt>
                <c:pt idx="2">
                  <c:v>74039906.185720995</c:v>
                </c:pt>
                <c:pt idx="3">
                  <c:v>79573765.541864648</c:v>
                </c:pt>
                <c:pt idx="4">
                  <c:v>60393858.710857943</c:v>
                </c:pt>
                <c:pt idx="5">
                  <c:v>62682842.819513865</c:v>
                </c:pt>
              </c:numCache>
            </c:numRef>
          </c:yVal>
          <c:smooth val="0"/>
          <c:extLst>
            <c:ext xmlns:c15="http://schemas.microsoft.com/office/drawing/2012/chart" uri="{02D57815-91ED-43cb-92C2-25804820EDAC}">
              <c15:datalabelsRange>
                <c15:f>'Summary Data'!$U$11:$U$16</c15:f>
                <c15:dlblRangeCache>
                  <c:ptCount val="6"/>
                  <c:pt idx="0">
                    <c:v>3.59%</c:v>
                  </c:pt>
                  <c:pt idx="1">
                    <c:v>4.50%</c:v>
                  </c:pt>
                  <c:pt idx="2">
                    <c:v>4.87%</c:v>
                  </c:pt>
                  <c:pt idx="3">
                    <c:v>5.23%</c:v>
                  </c:pt>
                  <c:pt idx="4">
                    <c:v>3.97%</c:v>
                  </c:pt>
                  <c:pt idx="5">
                    <c:v>4.12%</c:v>
                  </c:pt>
                </c15:dlblRangeCache>
              </c15:datalabelsRange>
            </c:ext>
            <c:ext xmlns:c16="http://schemas.microsoft.com/office/drawing/2014/chart" uri="{C3380CC4-5D6E-409C-BE32-E72D297353CC}">
              <c16:uniqueId val="{00000017-C9B7-4A54-BCC1-38A2B58C01F5}"/>
            </c:ext>
          </c:extLst>
        </c:ser>
        <c:ser>
          <c:idx val="6"/>
          <c:order val="6"/>
          <c:tx>
            <c:strRef>
              <c:f>'Summary Data'!$W$2</c:f>
              <c:strCache>
                <c:ptCount val="1"/>
                <c:pt idx="0">
                  <c:v>+1SD</c:v>
                </c:pt>
              </c:strCache>
            </c:strRef>
          </c:tx>
          <c:spPr>
            <a:ln w="25400" cap="rnd">
              <a:noFill/>
              <a:round/>
            </a:ln>
            <a:effectLst/>
          </c:spPr>
          <c:marker>
            <c:symbol val="circle"/>
            <c:size val="5"/>
            <c:spPr>
              <a:solidFill>
                <a:schemeClr val="accent2"/>
              </a:solidFill>
              <a:ln w="9525">
                <a:noFill/>
              </a:ln>
              <a:effectLst/>
            </c:spPr>
          </c:marker>
          <c:dLbls>
            <c:dLbl>
              <c:idx val="0"/>
              <c:tx>
                <c:rich>
                  <a:bodyPr/>
                  <a:lstStyle/>
                  <a:p>
                    <a:fld id="{48761B62-B1EF-4455-B03E-02387A0B02E3}" type="CELLRANGE">
                      <a:rPr lang="en-US"/>
                      <a:pPr/>
                      <a:t>[CELLRANGE]</a:t>
                    </a:fld>
                    <a:r>
                      <a:rPr lang="en-US" baseline="0"/>
                      <a:t>, </a:t>
                    </a:r>
                    <a:fld id="{069C1ECA-B085-4C47-A014-FDEF127CD840}"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8-C9B7-4A54-BCC1-38A2B58C01F5}"/>
                </c:ext>
              </c:extLst>
            </c:dLbl>
            <c:dLbl>
              <c:idx val="1"/>
              <c:tx>
                <c:rich>
                  <a:bodyPr/>
                  <a:lstStyle/>
                  <a:p>
                    <a:fld id="{5E9DD60B-B247-4A5B-AD82-7D98F4473B07}" type="CELLRANGE">
                      <a:rPr lang="en-US"/>
                      <a:pPr/>
                      <a:t>[CELLRANGE]</a:t>
                    </a:fld>
                    <a:r>
                      <a:rPr lang="en-US" baseline="0"/>
                      <a:t>, </a:t>
                    </a:r>
                    <a:fld id="{D34A7636-D9B0-47E8-BA39-45A37B4738BC}"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9-C9B7-4A54-BCC1-38A2B58C01F5}"/>
                </c:ext>
              </c:extLst>
            </c:dLbl>
            <c:dLbl>
              <c:idx val="2"/>
              <c:tx>
                <c:rich>
                  <a:bodyPr/>
                  <a:lstStyle/>
                  <a:p>
                    <a:fld id="{34A23438-7B8B-41D1-83EA-D0876F8B3A67}" type="CELLRANGE">
                      <a:rPr lang="en-US"/>
                      <a:pPr/>
                      <a:t>[CELLRANGE]</a:t>
                    </a:fld>
                    <a:r>
                      <a:rPr lang="en-US" baseline="0"/>
                      <a:t>, </a:t>
                    </a:r>
                    <a:fld id="{3460BB33-4F0C-4081-98E8-9AD7D471F20A}"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A-C9B7-4A54-BCC1-38A2B58C01F5}"/>
                </c:ext>
              </c:extLst>
            </c:dLbl>
            <c:dLbl>
              <c:idx val="3"/>
              <c:layout>
                <c:manualLayout>
                  <c:x val="0"/>
                  <c:y val="-1.6338540739315108E-2"/>
                </c:manualLayout>
              </c:layout>
              <c:tx>
                <c:rich>
                  <a:bodyPr/>
                  <a:lstStyle/>
                  <a:p>
                    <a:fld id="{519E462A-4DFF-4B5F-A916-0F3D301B2540}" type="CELLRANGE">
                      <a:rPr lang="en-US" baseline="0"/>
                      <a:pPr/>
                      <a:t>[CELLRANGE]</a:t>
                    </a:fld>
                    <a:r>
                      <a:rPr lang="en-US" baseline="0"/>
                      <a:t>, </a:t>
                    </a:r>
                    <a:fld id="{A018E4D9-CF3A-4C71-A709-05278176CD3B}"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B-C9B7-4A54-BCC1-38A2B58C01F5}"/>
                </c:ext>
              </c:extLst>
            </c:dLbl>
            <c:dLbl>
              <c:idx val="4"/>
              <c:tx>
                <c:rich>
                  <a:bodyPr/>
                  <a:lstStyle/>
                  <a:p>
                    <a:fld id="{8D80E5D2-0789-4573-8501-19E19B1C7641}" type="CELLRANGE">
                      <a:rPr lang="en-US"/>
                      <a:pPr/>
                      <a:t>[CELLRANGE]</a:t>
                    </a:fld>
                    <a:r>
                      <a:rPr lang="en-US" baseline="0"/>
                      <a:t>, </a:t>
                    </a:r>
                    <a:fld id="{F8723072-11A0-4E93-AA2A-FE568D9BEF8D}"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C-C9B7-4A54-BCC1-38A2B58C01F5}"/>
                </c:ext>
              </c:extLst>
            </c:dLbl>
            <c:dLbl>
              <c:idx val="5"/>
              <c:tx>
                <c:rich>
                  <a:bodyPr/>
                  <a:lstStyle/>
                  <a:p>
                    <a:fld id="{EEE64858-4B59-406C-BB52-BBBFABFDC217}" type="CELLRANGE">
                      <a:rPr lang="en-US"/>
                      <a:pPr/>
                      <a:t>[CELLRANGE]</a:t>
                    </a:fld>
                    <a:r>
                      <a:rPr lang="en-US" baseline="0"/>
                      <a:t>, </a:t>
                    </a:r>
                    <a:fld id="{1AA86E27-0A8F-4725-8899-B646AFA7FA93}" type="YVALUE">
                      <a:rPr lang="en-US" baseline="0"/>
                      <a:pPr/>
                      <a:t>[Y VALUE]</a:t>
                    </a:fld>
                    <a:endParaRPr lang="en-US" baseline="0"/>
                  </a:p>
                </c:rich>
              </c:tx>
              <c:showLegendKey val="0"/>
              <c:showVal val="1"/>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D-C9B7-4A54-BCC1-38A2B58C01F5}"/>
                </c:ext>
              </c:extLst>
            </c:dLbl>
            <c:numFmt formatCode="&quot;$&quot;#,##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xVal>
            <c:strRef>
              <c:f>'Summary Data'!$S$3:$S$8</c:f>
              <c:strCache>
                <c:ptCount val="6"/>
                <c:pt idx="0">
                  <c:v>Current State</c:v>
                </c:pt>
                <c:pt idx="1">
                  <c:v>Swap 50%</c:v>
                </c:pt>
                <c:pt idx="2">
                  <c:v>Swap 70%</c:v>
                </c:pt>
                <c:pt idx="3">
                  <c:v>Swap 90%</c:v>
                </c:pt>
                <c:pt idx="4">
                  <c:v>Swap 50% with 3% Cap</c:v>
                </c:pt>
                <c:pt idx="5">
                  <c:v>Swap 70% with 3% Cap</c:v>
                </c:pt>
              </c:strCache>
            </c:strRef>
          </c:xVal>
          <c:yVal>
            <c:numRef>
              <c:f>'Summary Data'!$W$3:$W$8</c:f>
              <c:numCache>
                <c:formatCode>#,##0</c:formatCode>
                <c:ptCount val="6"/>
                <c:pt idx="0">
                  <c:v>109032980.52247432</c:v>
                </c:pt>
                <c:pt idx="1">
                  <c:v>95686837.871205389</c:v>
                </c:pt>
                <c:pt idx="2">
                  <c:v>90348380.810697839</c:v>
                </c:pt>
                <c:pt idx="3">
                  <c:v>85009923.750190258</c:v>
                </c:pt>
                <c:pt idx="4">
                  <c:v>101633580.21368152</c:v>
                </c:pt>
                <c:pt idx="5">
                  <c:v>98673820.090164408</c:v>
                </c:pt>
              </c:numCache>
            </c:numRef>
          </c:yVal>
          <c:smooth val="0"/>
          <c:extLst>
            <c:ext xmlns:c15="http://schemas.microsoft.com/office/drawing/2012/chart" uri="{02D57815-91ED-43cb-92C2-25804820EDAC}">
              <c15:datalabelsRange>
                <c15:f>'Summary Data'!$W$11:$W$16</c15:f>
                <c15:dlblRangeCache>
                  <c:ptCount val="6"/>
                  <c:pt idx="0">
                    <c:v>7.17%</c:v>
                  </c:pt>
                  <c:pt idx="1">
                    <c:v>6.29%</c:v>
                  </c:pt>
                  <c:pt idx="2">
                    <c:v>5.94%</c:v>
                  </c:pt>
                  <c:pt idx="3">
                    <c:v>5.59%</c:v>
                  </c:pt>
                  <c:pt idx="4">
                    <c:v>6.68%</c:v>
                  </c:pt>
                  <c:pt idx="5">
                    <c:v>6.48%</c:v>
                  </c:pt>
                </c15:dlblRangeCache>
              </c15:datalabelsRange>
            </c:ext>
            <c:ext xmlns:c16="http://schemas.microsoft.com/office/drawing/2014/chart" uri="{C3380CC4-5D6E-409C-BE32-E72D297353CC}">
              <c16:uniqueId val="{0000001E-C9B7-4A54-BCC1-38A2B58C01F5}"/>
            </c:ext>
          </c:extLst>
        </c:ser>
        <c:ser>
          <c:idx val="7"/>
          <c:order val="7"/>
          <c:tx>
            <c:strRef>
              <c:f>'Summary Data'!$X$2</c:f>
              <c:strCache>
                <c:ptCount val="1"/>
                <c:pt idx="0">
                  <c:v>+2SD</c:v>
                </c:pt>
              </c:strCache>
            </c:strRef>
          </c:tx>
          <c:spPr>
            <a:ln w="25400" cap="rnd">
              <a:noFill/>
              <a:round/>
            </a:ln>
            <a:effectLst/>
          </c:spPr>
          <c:marker>
            <c:symbol val="circle"/>
            <c:size val="5"/>
            <c:spPr>
              <a:solidFill>
                <a:schemeClr val="accent1"/>
              </a:solidFill>
              <a:ln w="9525">
                <a:noFill/>
              </a:ln>
              <a:effectLst/>
            </c:spPr>
          </c:marker>
          <c:dLbls>
            <c:dLbl>
              <c:idx val="0"/>
              <c:tx>
                <c:rich>
                  <a:bodyPr/>
                  <a:lstStyle/>
                  <a:p>
                    <a:fld id="{566DA842-D022-4052-AFF2-CE09B7C3029D}" type="CELLRANGE">
                      <a:rPr lang="en-US"/>
                      <a:pPr/>
                      <a:t>[CELLRANGE]</a:t>
                    </a:fld>
                    <a:r>
                      <a:rPr lang="en-US" baseline="0"/>
                      <a:t>, </a:t>
                    </a:r>
                    <a:fld id="{46BF3208-E24D-4506-9766-759D5DE0A46B}" type="YVALUE">
                      <a:rPr lang="en-US" baseline="0"/>
                      <a:pPr/>
                      <a:t>[Y VALUE]</a:t>
                    </a:fld>
                    <a:endParaRPr lang="en-US" baseline="0"/>
                  </a:p>
                </c:rich>
              </c:tx>
              <c:showLegendKey val="0"/>
              <c:showVal val="1"/>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F-C9B7-4A54-BCC1-38A2B58C01F5}"/>
                </c:ext>
              </c:extLst>
            </c:dLbl>
            <c:dLbl>
              <c:idx val="1"/>
              <c:tx>
                <c:rich>
                  <a:bodyPr/>
                  <a:lstStyle/>
                  <a:p>
                    <a:fld id="{6F27B81C-4A53-42D5-A26C-138ABFE43A9D}" type="CELLRANGE">
                      <a:rPr lang="en-US"/>
                      <a:pPr/>
                      <a:t>[CELLRANGE]</a:t>
                    </a:fld>
                    <a:r>
                      <a:rPr lang="en-US" baseline="0"/>
                      <a:t>, </a:t>
                    </a:r>
                    <a:fld id="{AF5D03E1-6F3E-45E6-AE00-AA10ABB2AA1C}" type="YVALUE">
                      <a:rPr lang="en-US" baseline="0"/>
                      <a:pPr/>
                      <a:t>[Y VALUE]</a:t>
                    </a:fld>
                    <a:endParaRPr lang="en-US" baseline="0"/>
                  </a:p>
                </c:rich>
              </c:tx>
              <c:showLegendKey val="0"/>
              <c:showVal val="1"/>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0-C9B7-4A54-BCC1-38A2B58C01F5}"/>
                </c:ext>
              </c:extLst>
            </c:dLbl>
            <c:dLbl>
              <c:idx val="2"/>
              <c:tx>
                <c:rich>
                  <a:bodyPr/>
                  <a:lstStyle/>
                  <a:p>
                    <a:fld id="{69F451F4-BBDD-4999-A33F-0BDCA705CD50}" type="CELLRANGE">
                      <a:rPr lang="en-US"/>
                      <a:pPr/>
                      <a:t>[CELLRANGE]</a:t>
                    </a:fld>
                    <a:r>
                      <a:rPr lang="en-US" baseline="0"/>
                      <a:t>, </a:t>
                    </a:r>
                    <a:fld id="{046A444F-633D-405F-B3CA-31A1A1DBA8E8}" type="YVALUE">
                      <a:rPr lang="en-US" baseline="0"/>
                      <a:pPr/>
                      <a:t>[Y VALUE]</a:t>
                    </a:fld>
                    <a:endParaRPr lang="en-US" baseline="0"/>
                  </a:p>
                </c:rich>
              </c:tx>
              <c:showLegendKey val="0"/>
              <c:showVal val="1"/>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1-C9B7-4A54-BCC1-38A2B58C01F5}"/>
                </c:ext>
              </c:extLst>
            </c:dLbl>
            <c:dLbl>
              <c:idx val="3"/>
              <c:layout>
                <c:manualLayout>
                  <c:x val="0"/>
                  <c:y val="-2.2873957035041151E-2"/>
                </c:manualLayout>
              </c:layout>
              <c:tx>
                <c:rich>
                  <a:bodyPr/>
                  <a:lstStyle/>
                  <a:p>
                    <a:fld id="{33EB0F8D-8030-412A-84B5-6657435460E1}" type="CELLRANGE">
                      <a:rPr lang="en-US" baseline="0"/>
                      <a:pPr/>
                      <a:t>[CELLRANGE]</a:t>
                    </a:fld>
                    <a:r>
                      <a:rPr lang="en-US" baseline="0"/>
                      <a:t>, </a:t>
                    </a:r>
                    <a:fld id="{DDCE7F84-A618-44AD-AA4D-8E5CBB08F6E7}" type="YVALUE">
                      <a:rPr lang="en-US" baseline="0"/>
                      <a:pPr/>
                      <a:t>[Y VALUE]</a:t>
                    </a:fld>
                    <a:endParaRPr lang="en-US" baseline="0"/>
                  </a:p>
                </c:rich>
              </c:tx>
              <c:showLegendKey val="0"/>
              <c:showVal val="1"/>
              <c:showCatName val="0"/>
              <c:showSerName val="0"/>
              <c:showPercent val="0"/>
              <c:showBubbleSize val="0"/>
              <c:separator>, </c:separator>
              <c:extLst>
                <c:ext xmlns:c15="http://schemas.microsoft.com/office/drawing/2012/chart" uri="{CE6537A1-D6FC-4f65-9D91-7224C49458BB}">
                  <c15:dlblFieldTable/>
                  <c15:showDataLabelsRange val="1"/>
                </c:ext>
                <c:ext xmlns:c16="http://schemas.microsoft.com/office/drawing/2014/chart" uri="{C3380CC4-5D6E-409C-BE32-E72D297353CC}">
                  <c16:uniqueId val="{00000022-C9B7-4A54-BCC1-38A2B58C01F5}"/>
                </c:ext>
              </c:extLst>
            </c:dLbl>
            <c:dLbl>
              <c:idx val="4"/>
              <c:tx>
                <c:rich>
                  <a:bodyPr/>
                  <a:lstStyle/>
                  <a:p>
                    <a:fld id="{E2C42176-F5B4-4A60-AD53-BD6CCC46E412}" type="CELLRANGE">
                      <a:rPr lang="en-US"/>
                      <a:pPr/>
                      <a:t>[CELLRANGE]</a:t>
                    </a:fld>
                    <a:r>
                      <a:rPr lang="en-US" baseline="0"/>
                      <a:t>, </a:t>
                    </a:r>
                    <a:fld id="{4686E0E3-C100-4503-B888-E532EB844F93}" type="YVALUE">
                      <a:rPr lang="en-US" baseline="0"/>
                      <a:pPr/>
                      <a:t>[Y VALUE]</a:t>
                    </a:fld>
                    <a:endParaRPr lang="en-US" baseline="0"/>
                  </a:p>
                </c:rich>
              </c:tx>
              <c:showLegendKey val="0"/>
              <c:showVal val="1"/>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3-C9B7-4A54-BCC1-38A2B58C01F5}"/>
                </c:ext>
              </c:extLst>
            </c:dLbl>
            <c:dLbl>
              <c:idx val="5"/>
              <c:tx>
                <c:rich>
                  <a:bodyPr/>
                  <a:lstStyle/>
                  <a:p>
                    <a:fld id="{B19CA35A-2AD3-4621-8EFB-1F79D2FA49FD}" type="CELLRANGE">
                      <a:rPr lang="en-US"/>
                      <a:pPr/>
                      <a:t>[CELLRANGE]</a:t>
                    </a:fld>
                    <a:r>
                      <a:rPr lang="en-US" baseline="0"/>
                      <a:t>, </a:t>
                    </a:r>
                    <a:fld id="{6FF6DAFE-74AB-4759-841D-90DA844DAF6B}" type="YVALUE">
                      <a:rPr lang="en-US" baseline="0"/>
                      <a:pPr/>
                      <a:t>[Y VALUE]</a:t>
                    </a:fld>
                    <a:endParaRPr lang="en-US" baseline="0"/>
                  </a:p>
                </c:rich>
              </c:tx>
              <c:showLegendKey val="0"/>
              <c:showVal val="1"/>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4-C9B7-4A54-BCC1-38A2B58C01F5}"/>
                </c:ext>
              </c:extLst>
            </c:dLbl>
            <c:numFmt formatCode="&quot;$&quot;#,##0" sourceLinked="0"/>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xVal>
            <c:strRef>
              <c:f>'Summary Data'!$S$3:$S$8</c:f>
              <c:strCache>
                <c:ptCount val="6"/>
                <c:pt idx="0">
                  <c:v>Current State</c:v>
                </c:pt>
                <c:pt idx="1">
                  <c:v>Swap 50%</c:v>
                </c:pt>
                <c:pt idx="2">
                  <c:v>Swap 70%</c:v>
                </c:pt>
                <c:pt idx="3">
                  <c:v>Swap 90%</c:v>
                </c:pt>
                <c:pt idx="4">
                  <c:v>Swap 50% with 3% Cap</c:v>
                </c:pt>
                <c:pt idx="5">
                  <c:v>Swap 70% with 3% Cap</c:v>
                </c:pt>
              </c:strCache>
            </c:strRef>
          </c:xVal>
          <c:yVal>
            <c:numRef>
              <c:f>'Summary Data'!$X$3:$X$8</c:f>
              <c:numCache>
                <c:formatCode>#,##0</c:formatCode>
                <c:ptCount val="6"/>
                <c:pt idx="0">
                  <c:v>171475876.3216905</c:v>
                </c:pt>
                <c:pt idx="1">
                  <c:v>126908285.77081349</c:v>
                </c:pt>
                <c:pt idx="2">
                  <c:v>109081249.55046269</c:v>
                </c:pt>
                <c:pt idx="3">
                  <c:v>91254213.330111891</c:v>
                </c:pt>
                <c:pt idx="4">
                  <c:v>133057023.25712201</c:v>
                </c:pt>
                <c:pt idx="5">
                  <c:v>117689482.03129463</c:v>
                </c:pt>
              </c:numCache>
            </c:numRef>
          </c:yVal>
          <c:smooth val="0"/>
          <c:extLst>
            <c:ext xmlns:c15="http://schemas.microsoft.com/office/drawing/2012/chart" uri="{02D57815-91ED-43cb-92C2-25804820EDAC}">
              <c15:datalabelsRange>
                <c15:f>'Summary Data'!$X$11:$X$16</c15:f>
                <c15:dlblRangeCache>
                  <c:ptCount val="6"/>
                  <c:pt idx="0">
                    <c:v>11.27%</c:v>
                  </c:pt>
                  <c:pt idx="1">
                    <c:v>8.34%</c:v>
                  </c:pt>
                  <c:pt idx="2">
                    <c:v>7.17%</c:v>
                  </c:pt>
                  <c:pt idx="3">
                    <c:v>6.00%</c:v>
                  </c:pt>
                  <c:pt idx="4">
                    <c:v>8.74%</c:v>
                  </c:pt>
                  <c:pt idx="5">
                    <c:v>7.73%</c:v>
                  </c:pt>
                </c15:dlblRangeCache>
              </c15:datalabelsRange>
            </c:ext>
            <c:ext xmlns:c16="http://schemas.microsoft.com/office/drawing/2014/chart" uri="{C3380CC4-5D6E-409C-BE32-E72D297353CC}">
              <c16:uniqueId val="{00000025-C9B7-4A54-BCC1-38A2B58C01F5}"/>
            </c:ext>
          </c:extLst>
        </c:ser>
        <c:dLbls>
          <c:showLegendKey val="0"/>
          <c:showVal val="0"/>
          <c:showCatName val="0"/>
          <c:showSerName val="0"/>
          <c:showPercent val="0"/>
          <c:showBubbleSize val="0"/>
        </c:dLbls>
        <c:axId val="883112432"/>
        <c:axId val="883109296"/>
      </c:scatterChart>
      <c:catAx>
        <c:axId val="883112432"/>
        <c:scaling>
          <c:orientation val="minMax"/>
        </c:scaling>
        <c:delete val="0"/>
        <c:axPos val="b"/>
        <c:numFmt formatCode="General" sourceLinked="1"/>
        <c:majorTickMark val="out"/>
        <c:minorTickMark val="none"/>
        <c:tickLblPos val="nextTo"/>
        <c:spPr>
          <a:noFill/>
          <a:ln w="9525" cap="flat" cmpd="sng" algn="ctr">
            <a:solidFill>
              <a:schemeClr val="bg2">
                <a:lumMod val="90000"/>
              </a:schemeClr>
            </a:solidFill>
            <a:round/>
          </a:ln>
          <a:effectLst/>
        </c:spPr>
        <c:txPr>
          <a:bodyPr rot="-60000000" spcFirstLastPara="1" vertOverflow="ellipsis" vert="horz" wrap="square" anchor="ctr" anchorCtr="1"/>
          <a:lstStyle/>
          <a:p>
            <a:pPr>
              <a:defRPr sz="1000" b="0" i="0" u="none" strike="noStrike" kern="1200" baseline="0">
                <a:solidFill>
                  <a:schemeClr val="tx1"/>
                </a:solidFill>
                <a:latin typeface="+mn-lt"/>
                <a:ea typeface="+mn-ea"/>
                <a:cs typeface="+mn-cs"/>
              </a:defRPr>
            </a:pPr>
            <a:endParaRPr lang="en-US"/>
          </a:p>
        </c:txPr>
        <c:crossAx val="883109296"/>
        <c:crosses val="autoZero"/>
        <c:auto val="1"/>
        <c:lblAlgn val="ctr"/>
        <c:lblOffset val="100"/>
        <c:noMultiLvlLbl val="0"/>
      </c:catAx>
      <c:valAx>
        <c:axId val="883109296"/>
        <c:scaling>
          <c:orientation val="minMax"/>
          <c:min val="40000000"/>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solidFill>
                    <a:latin typeface="+mn-lt"/>
                    <a:ea typeface="+mn-ea"/>
                    <a:cs typeface="+mn-cs"/>
                  </a:defRPr>
                </a:pPr>
                <a:r>
                  <a:rPr lang="en-US">
                    <a:solidFill>
                      <a:schemeClr val="tx1"/>
                    </a:solidFill>
                  </a:rPr>
                  <a:t>Total</a:t>
                </a:r>
                <a:r>
                  <a:rPr lang="en-US" baseline="0">
                    <a:solidFill>
                      <a:schemeClr val="tx1"/>
                    </a:solidFill>
                  </a:rPr>
                  <a:t> interest expense</a:t>
                </a:r>
                <a:endParaRPr lang="en-US">
                  <a:solidFill>
                    <a:schemeClr val="tx1"/>
                  </a:solidFill>
                </a:endParaRP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solidFill>
                  <a:latin typeface="+mn-lt"/>
                  <a:ea typeface="+mn-ea"/>
                  <a:cs typeface="+mn-cs"/>
                </a:defRPr>
              </a:pPr>
              <a:endParaRPr lang="en-US"/>
            </a:p>
          </c:txPr>
        </c:title>
        <c:numFmt formatCode="&quot;$&quot;#,##0" sourceLinked="0"/>
        <c:majorTickMark val="out"/>
        <c:minorTickMark val="none"/>
        <c:tickLblPos val="nextTo"/>
        <c:spPr>
          <a:noFill/>
          <a:ln>
            <a:solidFill>
              <a:schemeClr val="bg2">
                <a:lumMod val="90000"/>
              </a:schemeClr>
            </a:solidFill>
          </a:ln>
          <a:effectLst/>
        </c:spPr>
        <c:txPr>
          <a:bodyPr rot="-6000000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crossAx val="883112432"/>
        <c:crosses val="autoZero"/>
        <c:crossBetween val="between"/>
        <c:dispUnits>
          <c:builtInUnit val="millions"/>
          <c:dispUnitsLbl>
            <c:spPr>
              <a:noFill/>
              <a:ln>
                <a:noFill/>
              </a:ln>
              <a:effectLst/>
            </c:spPr>
            <c:txPr>
              <a:bodyPr rot="-5400000" spcFirstLastPara="1" vertOverflow="ellipsis" vert="horz" wrap="square" anchor="ctr" anchorCtr="1"/>
              <a:lstStyle/>
              <a:p>
                <a:pPr>
                  <a:defRPr sz="900" b="0" i="1" u="none" strike="noStrike" kern="1200" baseline="0">
                    <a:solidFill>
                      <a:schemeClr val="tx1"/>
                    </a:solidFill>
                    <a:latin typeface="+mn-lt"/>
                    <a:ea typeface="+mn-ea"/>
                    <a:cs typeface="+mn-cs"/>
                  </a:defRPr>
                </a:pPr>
                <a:endParaRPr lang="en-US"/>
              </a:p>
            </c:txPr>
          </c:dispUnitsLbl>
        </c:dispUnits>
      </c:valAx>
      <c:spPr>
        <a:noFill/>
        <a:ln>
          <a:noFill/>
        </a:ln>
        <a:effectLst/>
      </c:spPr>
    </c:plotArea>
    <c:legend>
      <c:legendPos val="t"/>
      <c:legendEntry>
        <c:idx val="0"/>
        <c:delete val="1"/>
      </c:legendEntry>
      <c:legendEntry>
        <c:idx val="1"/>
        <c:delete val="1"/>
      </c:legendEntry>
      <c:legendEntry>
        <c:idx val="2"/>
        <c:delete val="1"/>
      </c:legendEntry>
      <c:layout>
        <c:manualLayout>
          <c:xMode val="edge"/>
          <c:yMode val="edge"/>
          <c:x val="0.35031751378929005"/>
          <c:y val="0.10885517661869334"/>
          <c:w val="0.29843781381647178"/>
          <c:h val="5.3525483009079507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solidFill>
              <a:latin typeface="+mn-lt"/>
              <a:ea typeface="+mn-ea"/>
              <a:cs typeface="+mn-cs"/>
            </a:defRPr>
          </a:pPr>
          <a:endParaRPr lang="en-US"/>
        </a:p>
      </c:txPr>
    </c:legend>
    <c:plotVisOnly val="1"/>
    <c:dispBlanksAs val="gap"/>
    <c:showDLblsOverMax val="0"/>
  </c:chart>
  <c:spPr>
    <a:solidFill>
      <a:schemeClr val="bg1"/>
    </a:solidFill>
    <a:ln w="9525" cap="flat" cmpd="sng" algn="ctr">
      <a:noFill/>
      <a:round/>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200" b="1" i="0" u="none" strike="noStrike" kern="1200" spc="0" baseline="0">
                <a:solidFill>
                  <a:schemeClr val="tx1"/>
                </a:solidFill>
                <a:latin typeface="+mn-lt"/>
                <a:ea typeface="+mn-ea"/>
                <a:cs typeface="+mn-cs"/>
              </a:defRPr>
            </a:pPr>
            <a:r>
              <a:rPr lang="en-US" sz="1200" b="1">
                <a:solidFill>
                  <a:schemeClr val="tx1"/>
                </a:solidFill>
              </a:rPr>
              <a:t>2,</a:t>
            </a:r>
            <a:r>
              <a:rPr lang="en-US" sz="1200" b="1" baseline="0">
                <a:solidFill>
                  <a:schemeClr val="tx1"/>
                </a:solidFill>
              </a:rPr>
              <a:t> 5, and 10-year historical swap rates</a:t>
            </a:r>
            <a:endParaRPr lang="en-US" sz="1200" b="1">
              <a:solidFill>
                <a:schemeClr val="tx1"/>
              </a:solidFill>
            </a:endParaRPr>
          </a:p>
        </c:rich>
      </c:tx>
      <c:overlay val="0"/>
      <c:spPr>
        <a:noFill/>
        <a:ln>
          <a:noFill/>
        </a:ln>
        <a:effectLst/>
      </c:spPr>
      <c:txPr>
        <a:bodyPr rot="0" spcFirstLastPara="1" vertOverflow="ellipsis" vert="horz" wrap="square" anchor="ctr" anchorCtr="1"/>
        <a:lstStyle/>
        <a:p>
          <a:pPr>
            <a:defRPr sz="1200" b="1" i="0" u="none" strike="noStrike" kern="1200" spc="0" baseline="0">
              <a:solidFill>
                <a:schemeClr val="tx1"/>
              </a:solidFill>
              <a:latin typeface="+mn-lt"/>
              <a:ea typeface="+mn-ea"/>
              <a:cs typeface="+mn-cs"/>
            </a:defRPr>
          </a:pPr>
          <a:endParaRPr lang="en-US"/>
        </a:p>
      </c:txPr>
    </c:title>
    <c:autoTitleDeleted val="0"/>
    <c:plotArea>
      <c:layout>
        <c:manualLayout>
          <c:layoutTarget val="inner"/>
          <c:xMode val="edge"/>
          <c:yMode val="edge"/>
          <c:x val="7.9615431842949461E-2"/>
          <c:y val="0.22643849206349206"/>
          <c:w val="0.87522716458688277"/>
          <c:h val="0.57701810711161106"/>
        </c:manualLayout>
      </c:layout>
      <c:lineChart>
        <c:grouping val="standard"/>
        <c:varyColors val="0"/>
        <c:ser>
          <c:idx val="0"/>
          <c:order val="0"/>
          <c:tx>
            <c:strRef>
              <c:f>'Swap Rates'!$B$2</c:f>
              <c:strCache>
                <c:ptCount val="1"/>
                <c:pt idx="0">
                  <c:v>2 year</c:v>
                </c:pt>
              </c:strCache>
            </c:strRef>
          </c:tx>
          <c:spPr>
            <a:ln w="28575" cap="rnd">
              <a:solidFill>
                <a:schemeClr val="accent1"/>
              </a:solidFill>
              <a:round/>
            </a:ln>
            <a:effectLst/>
          </c:spPr>
          <c:marker>
            <c:symbol val="none"/>
          </c:marker>
          <c:cat>
            <c:numRef>
              <c:f>'Swap Rates'!$A$3:$A$1052</c:f>
              <c:numCache>
                <c:formatCode>m/d/yyyy</c:formatCode>
                <c:ptCount val="1050"/>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pt idx="18">
                  <c:v>43849</c:v>
                </c:pt>
                <c:pt idx="19">
                  <c:v>43850</c:v>
                </c:pt>
                <c:pt idx="20">
                  <c:v>43851</c:v>
                </c:pt>
                <c:pt idx="21">
                  <c:v>43852</c:v>
                </c:pt>
                <c:pt idx="22">
                  <c:v>43853</c:v>
                </c:pt>
                <c:pt idx="23">
                  <c:v>43854</c:v>
                </c:pt>
                <c:pt idx="24">
                  <c:v>43855</c:v>
                </c:pt>
                <c:pt idx="25">
                  <c:v>43856</c:v>
                </c:pt>
                <c:pt idx="26">
                  <c:v>43857</c:v>
                </c:pt>
                <c:pt idx="27">
                  <c:v>43858</c:v>
                </c:pt>
                <c:pt idx="28">
                  <c:v>43859</c:v>
                </c:pt>
                <c:pt idx="29">
                  <c:v>43860</c:v>
                </c:pt>
                <c:pt idx="30">
                  <c:v>43861</c:v>
                </c:pt>
                <c:pt idx="31">
                  <c:v>43862</c:v>
                </c:pt>
                <c:pt idx="32">
                  <c:v>43863</c:v>
                </c:pt>
                <c:pt idx="33">
                  <c:v>43864</c:v>
                </c:pt>
                <c:pt idx="34">
                  <c:v>43865</c:v>
                </c:pt>
                <c:pt idx="35">
                  <c:v>43866</c:v>
                </c:pt>
                <c:pt idx="36">
                  <c:v>43867</c:v>
                </c:pt>
                <c:pt idx="37">
                  <c:v>43868</c:v>
                </c:pt>
                <c:pt idx="38">
                  <c:v>43869</c:v>
                </c:pt>
                <c:pt idx="39">
                  <c:v>43870</c:v>
                </c:pt>
                <c:pt idx="40">
                  <c:v>43871</c:v>
                </c:pt>
                <c:pt idx="41">
                  <c:v>43872</c:v>
                </c:pt>
                <c:pt idx="42">
                  <c:v>43873</c:v>
                </c:pt>
                <c:pt idx="43">
                  <c:v>43874</c:v>
                </c:pt>
                <c:pt idx="44">
                  <c:v>43875</c:v>
                </c:pt>
                <c:pt idx="45">
                  <c:v>43876</c:v>
                </c:pt>
                <c:pt idx="46">
                  <c:v>43877</c:v>
                </c:pt>
                <c:pt idx="47">
                  <c:v>43878</c:v>
                </c:pt>
                <c:pt idx="48">
                  <c:v>43879</c:v>
                </c:pt>
                <c:pt idx="49">
                  <c:v>43880</c:v>
                </c:pt>
                <c:pt idx="50">
                  <c:v>43881</c:v>
                </c:pt>
                <c:pt idx="51">
                  <c:v>43882</c:v>
                </c:pt>
                <c:pt idx="52">
                  <c:v>43883</c:v>
                </c:pt>
                <c:pt idx="53">
                  <c:v>43884</c:v>
                </c:pt>
                <c:pt idx="54">
                  <c:v>43885</c:v>
                </c:pt>
                <c:pt idx="55">
                  <c:v>43886</c:v>
                </c:pt>
                <c:pt idx="56">
                  <c:v>43887</c:v>
                </c:pt>
                <c:pt idx="57">
                  <c:v>43888</c:v>
                </c:pt>
                <c:pt idx="58">
                  <c:v>43889</c:v>
                </c:pt>
                <c:pt idx="59">
                  <c:v>43890</c:v>
                </c:pt>
                <c:pt idx="60">
                  <c:v>43891</c:v>
                </c:pt>
                <c:pt idx="61">
                  <c:v>43892</c:v>
                </c:pt>
                <c:pt idx="62">
                  <c:v>43893</c:v>
                </c:pt>
                <c:pt idx="63">
                  <c:v>43894</c:v>
                </c:pt>
                <c:pt idx="64">
                  <c:v>43895</c:v>
                </c:pt>
                <c:pt idx="65">
                  <c:v>43896</c:v>
                </c:pt>
                <c:pt idx="66">
                  <c:v>43897</c:v>
                </c:pt>
                <c:pt idx="67">
                  <c:v>43898</c:v>
                </c:pt>
                <c:pt idx="68">
                  <c:v>43899</c:v>
                </c:pt>
                <c:pt idx="69">
                  <c:v>43900</c:v>
                </c:pt>
                <c:pt idx="70">
                  <c:v>43901</c:v>
                </c:pt>
                <c:pt idx="71">
                  <c:v>43902</c:v>
                </c:pt>
                <c:pt idx="72">
                  <c:v>43903</c:v>
                </c:pt>
                <c:pt idx="73">
                  <c:v>43904</c:v>
                </c:pt>
                <c:pt idx="74">
                  <c:v>43905</c:v>
                </c:pt>
                <c:pt idx="75">
                  <c:v>43906</c:v>
                </c:pt>
                <c:pt idx="76">
                  <c:v>43907</c:v>
                </c:pt>
                <c:pt idx="77">
                  <c:v>43908</c:v>
                </c:pt>
                <c:pt idx="78">
                  <c:v>43909</c:v>
                </c:pt>
                <c:pt idx="79">
                  <c:v>43910</c:v>
                </c:pt>
                <c:pt idx="80">
                  <c:v>43911</c:v>
                </c:pt>
                <c:pt idx="81">
                  <c:v>43912</c:v>
                </c:pt>
                <c:pt idx="82">
                  <c:v>43913</c:v>
                </c:pt>
                <c:pt idx="83">
                  <c:v>43914</c:v>
                </c:pt>
                <c:pt idx="84">
                  <c:v>43915</c:v>
                </c:pt>
                <c:pt idx="85">
                  <c:v>43916</c:v>
                </c:pt>
                <c:pt idx="86">
                  <c:v>43917</c:v>
                </c:pt>
                <c:pt idx="87">
                  <c:v>43918</c:v>
                </c:pt>
                <c:pt idx="88">
                  <c:v>43919</c:v>
                </c:pt>
                <c:pt idx="89">
                  <c:v>43920</c:v>
                </c:pt>
                <c:pt idx="90">
                  <c:v>43921</c:v>
                </c:pt>
                <c:pt idx="91">
                  <c:v>43922</c:v>
                </c:pt>
                <c:pt idx="92">
                  <c:v>43923</c:v>
                </c:pt>
                <c:pt idx="93">
                  <c:v>43924</c:v>
                </c:pt>
                <c:pt idx="94">
                  <c:v>43925</c:v>
                </c:pt>
                <c:pt idx="95">
                  <c:v>43926</c:v>
                </c:pt>
                <c:pt idx="96">
                  <c:v>43927</c:v>
                </c:pt>
                <c:pt idx="97">
                  <c:v>43928</c:v>
                </c:pt>
                <c:pt idx="98">
                  <c:v>43929</c:v>
                </c:pt>
                <c:pt idx="99">
                  <c:v>43930</c:v>
                </c:pt>
                <c:pt idx="100">
                  <c:v>43931</c:v>
                </c:pt>
                <c:pt idx="101">
                  <c:v>43932</c:v>
                </c:pt>
                <c:pt idx="102">
                  <c:v>43933</c:v>
                </c:pt>
                <c:pt idx="103">
                  <c:v>43934</c:v>
                </c:pt>
                <c:pt idx="104">
                  <c:v>43935</c:v>
                </c:pt>
                <c:pt idx="105">
                  <c:v>43936</c:v>
                </c:pt>
                <c:pt idx="106">
                  <c:v>43937</c:v>
                </c:pt>
                <c:pt idx="107">
                  <c:v>43938</c:v>
                </c:pt>
                <c:pt idx="108">
                  <c:v>43939</c:v>
                </c:pt>
                <c:pt idx="109">
                  <c:v>43940</c:v>
                </c:pt>
                <c:pt idx="110">
                  <c:v>43941</c:v>
                </c:pt>
                <c:pt idx="111">
                  <c:v>43942</c:v>
                </c:pt>
                <c:pt idx="112">
                  <c:v>43943</c:v>
                </c:pt>
                <c:pt idx="113">
                  <c:v>43944</c:v>
                </c:pt>
                <c:pt idx="114">
                  <c:v>43945</c:v>
                </c:pt>
                <c:pt idx="115">
                  <c:v>43946</c:v>
                </c:pt>
                <c:pt idx="116">
                  <c:v>43947</c:v>
                </c:pt>
                <c:pt idx="117">
                  <c:v>43948</c:v>
                </c:pt>
                <c:pt idx="118">
                  <c:v>43949</c:v>
                </c:pt>
                <c:pt idx="119">
                  <c:v>43950</c:v>
                </c:pt>
                <c:pt idx="120">
                  <c:v>43951</c:v>
                </c:pt>
                <c:pt idx="121">
                  <c:v>43952</c:v>
                </c:pt>
                <c:pt idx="122">
                  <c:v>43953</c:v>
                </c:pt>
                <c:pt idx="123">
                  <c:v>43954</c:v>
                </c:pt>
                <c:pt idx="124">
                  <c:v>43955</c:v>
                </c:pt>
                <c:pt idx="125">
                  <c:v>43956</c:v>
                </c:pt>
                <c:pt idx="126">
                  <c:v>43957</c:v>
                </c:pt>
                <c:pt idx="127">
                  <c:v>43958</c:v>
                </c:pt>
                <c:pt idx="128">
                  <c:v>43959</c:v>
                </c:pt>
                <c:pt idx="129">
                  <c:v>43960</c:v>
                </c:pt>
                <c:pt idx="130">
                  <c:v>43961</c:v>
                </c:pt>
                <c:pt idx="131">
                  <c:v>43962</c:v>
                </c:pt>
                <c:pt idx="132">
                  <c:v>43963</c:v>
                </c:pt>
                <c:pt idx="133">
                  <c:v>43964</c:v>
                </c:pt>
                <c:pt idx="134">
                  <c:v>43965</c:v>
                </c:pt>
                <c:pt idx="135">
                  <c:v>43966</c:v>
                </c:pt>
                <c:pt idx="136">
                  <c:v>43967</c:v>
                </c:pt>
                <c:pt idx="137">
                  <c:v>43968</c:v>
                </c:pt>
                <c:pt idx="138">
                  <c:v>43969</c:v>
                </c:pt>
                <c:pt idx="139">
                  <c:v>43970</c:v>
                </c:pt>
                <c:pt idx="140">
                  <c:v>43971</c:v>
                </c:pt>
                <c:pt idx="141">
                  <c:v>43972</c:v>
                </c:pt>
                <c:pt idx="142">
                  <c:v>43973</c:v>
                </c:pt>
                <c:pt idx="143">
                  <c:v>43974</c:v>
                </c:pt>
                <c:pt idx="144">
                  <c:v>43975</c:v>
                </c:pt>
                <c:pt idx="145">
                  <c:v>43976</c:v>
                </c:pt>
                <c:pt idx="146">
                  <c:v>43977</c:v>
                </c:pt>
                <c:pt idx="147">
                  <c:v>43978</c:v>
                </c:pt>
                <c:pt idx="148">
                  <c:v>43979</c:v>
                </c:pt>
                <c:pt idx="149">
                  <c:v>43980</c:v>
                </c:pt>
                <c:pt idx="150">
                  <c:v>43981</c:v>
                </c:pt>
                <c:pt idx="151">
                  <c:v>43982</c:v>
                </c:pt>
                <c:pt idx="152">
                  <c:v>43983</c:v>
                </c:pt>
                <c:pt idx="153">
                  <c:v>43984</c:v>
                </c:pt>
                <c:pt idx="154">
                  <c:v>43985</c:v>
                </c:pt>
                <c:pt idx="155">
                  <c:v>43986</c:v>
                </c:pt>
                <c:pt idx="156">
                  <c:v>43987</c:v>
                </c:pt>
                <c:pt idx="157">
                  <c:v>43988</c:v>
                </c:pt>
                <c:pt idx="158">
                  <c:v>43989</c:v>
                </c:pt>
                <c:pt idx="159">
                  <c:v>43990</c:v>
                </c:pt>
                <c:pt idx="160">
                  <c:v>43991</c:v>
                </c:pt>
                <c:pt idx="161">
                  <c:v>43992</c:v>
                </c:pt>
                <c:pt idx="162">
                  <c:v>43993</c:v>
                </c:pt>
                <c:pt idx="163">
                  <c:v>43994</c:v>
                </c:pt>
                <c:pt idx="164">
                  <c:v>43995</c:v>
                </c:pt>
                <c:pt idx="165">
                  <c:v>43996</c:v>
                </c:pt>
                <c:pt idx="166">
                  <c:v>43997</c:v>
                </c:pt>
                <c:pt idx="167">
                  <c:v>43998</c:v>
                </c:pt>
                <c:pt idx="168">
                  <c:v>43999</c:v>
                </c:pt>
                <c:pt idx="169">
                  <c:v>44000</c:v>
                </c:pt>
                <c:pt idx="170">
                  <c:v>44001</c:v>
                </c:pt>
                <c:pt idx="171">
                  <c:v>44002</c:v>
                </c:pt>
                <c:pt idx="172">
                  <c:v>44003</c:v>
                </c:pt>
                <c:pt idx="173">
                  <c:v>44004</c:v>
                </c:pt>
                <c:pt idx="174">
                  <c:v>44005</c:v>
                </c:pt>
                <c:pt idx="175">
                  <c:v>44006</c:v>
                </c:pt>
                <c:pt idx="176">
                  <c:v>44007</c:v>
                </c:pt>
                <c:pt idx="177">
                  <c:v>44008</c:v>
                </c:pt>
                <c:pt idx="178">
                  <c:v>44009</c:v>
                </c:pt>
                <c:pt idx="179">
                  <c:v>44010</c:v>
                </c:pt>
                <c:pt idx="180">
                  <c:v>44011</c:v>
                </c:pt>
                <c:pt idx="181">
                  <c:v>44012</c:v>
                </c:pt>
                <c:pt idx="182">
                  <c:v>44013</c:v>
                </c:pt>
                <c:pt idx="183">
                  <c:v>44014</c:v>
                </c:pt>
                <c:pt idx="184">
                  <c:v>44015</c:v>
                </c:pt>
                <c:pt idx="185">
                  <c:v>44016</c:v>
                </c:pt>
                <c:pt idx="186">
                  <c:v>44017</c:v>
                </c:pt>
                <c:pt idx="187">
                  <c:v>44018</c:v>
                </c:pt>
                <c:pt idx="188">
                  <c:v>44019</c:v>
                </c:pt>
                <c:pt idx="189">
                  <c:v>44020</c:v>
                </c:pt>
                <c:pt idx="190">
                  <c:v>44021</c:v>
                </c:pt>
                <c:pt idx="191">
                  <c:v>44022</c:v>
                </c:pt>
                <c:pt idx="192">
                  <c:v>44023</c:v>
                </c:pt>
                <c:pt idx="193">
                  <c:v>44024</c:v>
                </c:pt>
                <c:pt idx="194">
                  <c:v>44025</c:v>
                </c:pt>
                <c:pt idx="195">
                  <c:v>44026</c:v>
                </c:pt>
                <c:pt idx="196">
                  <c:v>44027</c:v>
                </c:pt>
                <c:pt idx="197">
                  <c:v>44028</c:v>
                </c:pt>
                <c:pt idx="198">
                  <c:v>44029</c:v>
                </c:pt>
                <c:pt idx="199">
                  <c:v>44030</c:v>
                </c:pt>
                <c:pt idx="200">
                  <c:v>44031</c:v>
                </c:pt>
                <c:pt idx="201">
                  <c:v>44032</c:v>
                </c:pt>
                <c:pt idx="202">
                  <c:v>44033</c:v>
                </c:pt>
                <c:pt idx="203">
                  <c:v>44034</c:v>
                </c:pt>
                <c:pt idx="204">
                  <c:v>44035</c:v>
                </c:pt>
                <c:pt idx="205">
                  <c:v>44036</c:v>
                </c:pt>
                <c:pt idx="206">
                  <c:v>44037</c:v>
                </c:pt>
                <c:pt idx="207">
                  <c:v>44038</c:v>
                </c:pt>
                <c:pt idx="208">
                  <c:v>44039</c:v>
                </c:pt>
                <c:pt idx="209">
                  <c:v>44040</c:v>
                </c:pt>
                <c:pt idx="210">
                  <c:v>44041</c:v>
                </c:pt>
                <c:pt idx="211">
                  <c:v>44042</c:v>
                </c:pt>
                <c:pt idx="212">
                  <c:v>44043</c:v>
                </c:pt>
                <c:pt idx="213">
                  <c:v>44044</c:v>
                </c:pt>
                <c:pt idx="214">
                  <c:v>44045</c:v>
                </c:pt>
                <c:pt idx="215">
                  <c:v>44046</c:v>
                </c:pt>
                <c:pt idx="216">
                  <c:v>44047</c:v>
                </c:pt>
                <c:pt idx="217">
                  <c:v>44048</c:v>
                </c:pt>
                <c:pt idx="218">
                  <c:v>44049</c:v>
                </c:pt>
                <c:pt idx="219">
                  <c:v>44050</c:v>
                </c:pt>
                <c:pt idx="220">
                  <c:v>44051</c:v>
                </c:pt>
                <c:pt idx="221">
                  <c:v>44052</c:v>
                </c:pt>
                <c:pt idx="222">
                  <c:v>44053</c:v>
                </c:pt>
                <c:pt idx="223">
                  <c:v>44054</c:v>
                </c:pt>
                <c:pt idx="224">
                  <c:v>44055</c:v>
                </c:pt>
                <c:pt idx="225">
                  <c:v>44056</c:v>
                </c:pt>
                <c:pt idx="226">
                  <c:v>44057</c:v>
                </c:pt>
                <c:pt idx="227">
                  <c:v>44058</c:v>
                </c:pt>
                <c:pt idx="228">
                  <c:v>44059</c:v>
                </c:pt>
                <c:pt idx="229">
                  <c:v>44060</c:v>
                </c:pt>
                <c:pt idx="230">
                  <c:v>44061</c:v>
                </c:pt>
                <c:pt idx="231">
                  <c:v>44062</c:v>
                </c:pt>
                <c:pt idx="232">
                  <c:v>44063</c:v>
                </c:pt>
                <c:pt idx="233">
                  <c:v>44064</c:v>
                </c:pt>
                <c:pt idx="234">
                  <c:v>44065</c:v>
                </c:pt>
                <c:pt idx="235">
                  <c:v>44066</c:v>
                </c:pt>
                <c:pt idx="236">
                  <c:v>44067</c:v>
                </c:pt>
                <c:pt idx="237">
                  <c:v>44068</c:v>
                </c:pt>
                <c:pt idx="238">
                  <c:v>44069</c:v>
                </c:pt>
                <c:pt idx="239">
                  <c:v>44070</c:v>
                </c:pt>
                <c:pt idx="240">
                  <c:v>44071</c:v>
                </c:pt>
                <c:pt idx="241">
                  <c:v>44072</c:v>
                </c:pt>
                <c:pt idx="242">
                  <c:v>44073</c:v>
                </c:pt>
                <c:pt idx="243">
                  <c:v>44074</c:v>
                </c:pt>
                <c:pt idx="244">
                  <c:v>44075</c:v>
                </c:pt>
                <c:pt idx="245">
                  <c:v>44076</c:v>
                </c:pt>
                <c:pt idx="246">
                  <c:v>44077</c:v>
                </c:pt>
                <c:pt idx="247">
                  <c:v>44078</c:v>
                </c:pt>
                <c:pt idx="248">
                  <c:v>44079</c:v>
                </c:pt>
                <c:pt idx="249">
                  <c:v>44080</c:v>
                </c:pt>
                <c:pt idx="250">
                  <c:v>44081</c:v>
                </c:pt>
                <c:pt idx="251">
                  <c:v>44082</c:v>
                </c:pt>
                <c:pt idx="252">
                  <c:v>44083</c:v>
                </c:pt>
                <c:pt idx="253">
                  <c:v>44084</c:v>
                </c:pt>
                <c:pt idx="254">
                  <c:v>44085</c:v>
                </c:pt>
                <c:pt idx="255">
                  <c:v>44086</c:v>
                </c:pt>
                <c:pt idx="256">
                  <c:v>44087</c:v>
                </c:pt>
                <c:pt idx="257">
                  <c:v>44088</c:v>
                </c:pt>
                <c:pt idx="258">
                  <c:v>44089</c:v>
                </c:pt>
                <c:pt idx="259">
                  <c:v>44090</c:v>
                </c:pt>
                <c:pt idx="260">
                  <c:v>44091</c:v>
                </c:pt>
                <c:pt idx="261">
                  <c:v>44092</c:v>
                </c:pt>
                <c:pt idx="262">
                  <c:v>44093</c:v>
                </c:pt>
                <c:pt idx="263">
                  <c:v>44094</c:v>
                </c:pt>
                <c:pt idx="264">
                  <c:v>44095</c:v>
                </c:pt>
                <c:pt idx="265">
                  <c:v>44096</c:v>
                </c:pt>
                <c:pt idx="266">
                  <c:v>44097</c:v>
                </c:pt>
                <c:pt idx="267">
                  <c:v>44098</c:v>
                </c:pt>
                <c:pt idx="268">
                  <c:v>44099</c:v>
                </c:pt>
                <c:pt idx="269">
                  <c:v>44100</c:v>
                </c:pt>
                <c:pt idx="270">
                  <c:v>44101</c:v>
                </c:pt>
                <c:pt idx="271">
                  <c:v>44102</c:v>
                </c:pt>
                <c:pt idx="272">
                  <c:v>44103</c:v>
                </c:pt>
                <c:pt idx="273">
                  <c:v>44104</c:v>
                </c:pt>
                <c:pt idx="274">
                  <c:v>44105</c:v>
                </c:pt>
                <c:pt idx="275">
                  <c:v>44106</c:v>
                </c:pt>
                <c:pt idx="276">
                  <c:v>44107</c:v>
                </c:pt>
                <c:pt idx="277">
                  <c:v>44108</c:v>
                </c:pt>
                <c:pt idx="278">
                  <c:v>44109</c:v>
                </c:pt>
                <c:pt idx="279">
                  <c:v>44110</c:v>
                </c:pt>
                <c:pt idx="280">
                  <c:v>44111</c:v>
                </c:pt>
                <c:pt idx="281">
                  <c:v>44112</c:v>
                </c:pt>
                <c:pt idx="282">
                  <c:v>44113</c:v>
                </c:pt>
                <c:pt idx="283">
                  <c:v>44114</c:v>
                </c:pt>
                <c:pt idx="284">
                  <c:v>44115</c:v>
                </c:pt>
                <c:pt idx="285">
                  <c:v>44116</c:v>
                </c:pt>
                <c:pt idx="286">
                  <c:v>44117</c:v>
                </c:pt>
                <c:pt idx="287">
                  <c:v>44118</c:v>
                </c:pt>
                <c:pt idx="288">
                  <c:v>44119</c:v>
                </c:pt>
                <c:pt idx="289">
                  <c:v>44120</c:v>
                </c:pt>
                <c:pt idx="290">
                  <c:v>44121</c:v>
                </c:pt>
                <c:pt idx="291">
                  <c:v>44122</c:v>
                </c:pt>
                <c:pt idx="292">
                  <c:v>44123</c:v>
                </c:pt>
                <c:pt idx="293">
                  <c:v>44124</c:v>
                </c:pt>
                <c:pt idx="294">
                  <c:v>44125</c:v>
                </c:pt>
                <c:pt idx="295">
                  <c:v>44126</c:v>
                </c:pt>
                <c:pt idx="296">
                  <c:v>44127</c:v>
                </c:pt>
                <c:pt idx="297">
                  <c:v>44128</c:v>
                </c:pt>
                <c:pt idx="298">
                  <c:v>44129</c:v>
                </c:pt>
                <c:pt idx="299">
                  <c:v>44130</c:v>
                </c:pt>
                <c:pt idx="300">
                  <c:v>44131</c:v>
                </c:pt>
                <c:pt idx="301">
                  <c:v>44132</c:v>
                </c:pt>
                <c:pt idx="302">
                  <c:v>44133</c:v>
                </c:pt>
                <c:pt idx="303">
                  <c:v>44134</c:v>
                </c:pt>
                <c:pt idx="304">
                  <c:v>44135</c:v>
                </c:pt>
                <c:pt idx="305">
                  <c:v>44136</c:v>
                </c:pt>
                <c:pt idx="306">
                  <c:v>44137</c:v>
                </c:pt>
                <c:pt idx="307">
                  <c:v>44138</c:v>
                </c:pt>
                <c:pt idx="308">
                  <c:v>44139</c:v>
                </c:pt>
                <c:pt idx="309">
                  <c:v>44140</c:v>
                </c:pt>
                <c:pt idx="310">
                  <c:v>44141</c:v>
                </c:pt>
                <c:pt idx="311">
                  <c:v>44142</c:v>
                </c:pt>
                <c:pt idx="312">
                  <c:v>44143</c:v>
                </c:pt>
                <c:pt idx="313">
                  <c:v>44144</c:v>
                </c:pt>
                <c:pt idx="314">
                  <c:v>44145</c:v>
                </c:pt>
                <c:pt idx="315">
                  <c:v>44146</c:v>
                </c:pt>
                <c:pt idx="316">
                  <c:v>44147</c:v>
                </c:pt>
                <c:pt idx="317">
                  <c:v>44148</c:v>
                </c:pt>
                <c:pt idx="318">
                  <c:v>44149</c:v>
                </c:pt>
                <c:pt idx="319">
                  <c:v>44150</c:v>
                </c:pt>
                <c:pt idx="320">
                  <c:v>44151</c:v>
                </c:pt>
                <c:pt idx="321">
                  <c:v>44152</c:v>
                </c:pt>
                <c:pt idx="322">
                  <c:v>44153</c:v>
                </c:pt>
                <c:pt idx="323">
                  <c:v>44154</c:v>
                </c:pt>
                <c:pt idx="324">
                  <c:v>44155</c:v>
                </c:pt>
                <c:pt idx="325">
                  <c:v>44156</c:v>
                </c:pt>
                <c:pt idx="326">
                  <c:v>44157</c:v>
                </c:pt>
                <c:pt idx="327">
                  <c:v>44158</c:v>
                </c:pt>
                <c:pt idx="328">
                  <c:v>44159</c:v>
                </c:pt>
                <c:pt idx="329">
                  <c:v>44160</c:v>
                </c:pt>
                <c:pt idx="330">
                  <c:v>44161</c:v>
                </c:pt>
                <c:pt idx="331">
                  <c:v>44162</c:v>
                </c:pt>
                <c:pt idx="332">
                  <c:v>44163</c:v>
                </c:pt>
                <c:pt idx="333">
                  <c:v>44164</c:v>
                </c:pt>
                <c:pt idx="334">
                  <c:v>44165</c:v>
                </c:pt>
                <c:pt idx="335">
                  <c:v>44166</c:v>
                </c:pt>
                <c:pt idx="336">
                  <c:v>44167</c:v>
                </c:pt>
                <c:pt idx="337">
                  <c:v>44168</c:v>
                </c:pt>
                <c:pt idx="338">
                  <c:v>44169</c:v>
                </c:pt>
                <c:pt idx="339">
                  <c:v>44170</c:v>
                </c:pt>
                <c:pt idx="340">
                  <c:v>44171</c:v>
                </c:pt>
                <c:pt idx="341">
                  <c:v>44172</c:v>
                </c:pt>
                <c:pt idx="342">
                  <c:v>44173</c:v>
                </c:pt>
                <c:pt idx="343">
                  <c:v>44174</c:v>
                </c:pt>
                <c:pt idx="344">
                  <c:v>44175</c:v>
                </c:pt>
                <c:pt idx="345">
                  <c:v>44176</c:v>
                </c:pt>
                <c:pt idx="346">
                  <c:v>44177</c:v>
                </c:pt>
                <c:pt idx="347">
                  <c:v>44178</c:v>
                </c:pt>
                <c:pt idx="348">
                  <c:v>44179</c:v>
                </c:pt>
                <c:pt idx="349">
                  <c:v>44180</c:v>
                </c:pt>
                <c:pt idx="350">
                  <c:v>44181</c:v>
                </c:pt>
                <c:pt idx="351">
                  <c:v>44182</c:v>
                </c:pt>
                <c:pt idx="352">
                  <c:v>44183</c:v>
                </c:pt>
                <c:pt idx="353">
                  <c:v>44184</c:v>
                </c:pt>
                <c:pt idx="354">
                  <c:v>44185</c:v>
                </c:pt>
                <c:pt idx="355">
                  <c:v>44186</c:v>
                </c:pt>
                <c:pt idx="356">
                  <c:v>44187</c:v>
                </c:pt>
                <c:pt idx="357">
                  <c:v>44188</c:v>
                </c:pt>
                <c:pt idx="358">
                  <c:v>44189</c:v>
                </c:pt>
                <c:pt idx="359">
                  <c:v>44190</c:v>
                </c:pt>
                <c:pt idx="360">
                  <c:v>44191</c:v>
                </c:pt>
                <c:pt idx="361">
                  <c:v>44192</c:v>
                </c:pt>
                <c:pt idx="362">
                  <c:v>44193</c:v>
                </c:pt>
                <c:pt idx="363">
                  <c:v>44194</c:v>
                </c:pt>
                <c:pt idx="364">
                  <c:v>44195</c:v>
                </c:pt>
                <c:pt idx="365">
                  <c:v>44196</c:v>
                </c:pt>
                <c:pt idx="366">
                  <c:v>44197</c:v>
                </c:pt>
                <c:pt idx="367">
                  <c:v>44198</c:v>
                </c:pt>
                <c:pt idx="368">
                  <c:v>44199</c:v>
                </c:pt>
                <c:pt idx="369">
                  <c:v>44200</c:v>
                </c:pt>
                <c:pt idx="370">
                  <c:v>44201</c:v>
                </c:pt>
                <c:pt idx="371">
                  <c:v>44202</c:v>
                </c:pt>
                <c:pt idx="372">
                  <c:v>44203</c:v>
                </c:pt>
                <c:pt idx="373">
                  <c:v>44204</c:v>
                </c:pt>
                <c:pt idx="374">
                  <c:v>44205</c:v>
                </c:pt>
                <c:pt idx="375">
                  <c:v>44206</c:v>
                </c:pt>
                <c:pt idx="376">
                  <c:v>44207</c:v>
                </c:pt>
                <c:pt idx="377">
                  <c:v>44208</c:v>
                </c:pt>
                <c:pt idx="378">
                  <c:v>44209</c:v>
                </c:pt>
                <c:pt idx="379">
                  <c:v>44210</c:v>
                </c:pt>
                <c:pt idx="380">
                  <c:v>44211</c:v>
                </c:pt>
                <c:pt idx="381">
                  <c:v>44212</c:v>
                </c:pt>
                <c:pt idx="382">
                  <c:v>44213</c:v>
                </c:pt>
                <c:pt idx="383">
                  <c:v>44214</c:v>
                </c:pt>
                <c:pt idx="384">
                  <c:v>44215</c:v>
                </c:pt>
                <c:pt idx="385">
                  <c:v>44216</c:v>
                </c:pt>
                <c:pt idx="386">
                  <c:v>44217</c:v>
                </c:pt>
                <c:pt idx="387">
                  <c:v>44218</c:v>
                </c:pt>
                <c:pt idx="388">
                  <c:v>44219</c:v>
                </c:pt>
                <c:pt idx="389">
                  <c:v>44220</c:v>
                </c:pt>
                <c:pt idx="390">
                  <c:v>44221</c:v>
                </c:pt>
                <c:pt idx="391">
                  <c:v>44222</c:v>
                </c:pt>
                <c:pt idx="392">
                  <c:v>44223</c:v>
                </c:pt>
                <c:pt idx="393">
                  <c:v>44224</c:v>
                </c:pt>
                <c:pt idx="394">
                  <c:v>44225</c:v>
                </c:pt>
                <c:pt idx="395">
                  <c:v>44226</c:v>
                </c:pt>
                <c:pt idx="396">
                  <c:v>44227</c:v>
                </c:pt>
                <c:pt idx="397">
                  <c:v>44228</c:v>
                </c:pt>
                <c:pt idx="398">
                  <c:v>44229</c:v>
                </c:pt>
                <c:pt idx="399">
                  <c:v>44230</c:v>
                </c:pt>
                <c:pt idx="400">
                  <c:v>44231</c:v>
                </c:pt>
                <c:pt idx="401">
                  <c:v>44232</c:v>
                </c:pt>
                <c:pt idx="402">
                  <c:v>44233</c:v>
                </c:pt>
                <c:pt idx="403">
                  <c:v>44234</c:v>
                </c:pt>
                <c:pt idx="404">
                  <c:v>44235</c:v>
                </c:pt>
                <c:pt idx="405">
                  <c:v>44236</c:v>
                </c:pt>
                <c:pt idx="406">
                  <c:v>44237</c:v>
                </c:pt>
                <c:pt idx="407">
                  <c:v>44238</c:v>
                </c:pt>
                <c:pt idx="408">
                  <c:v>44239</c:v>
                </c:pt>
                <c:pt idx="409">
                  <c:v>44240</c:v>
                </c:pt>
                <c:pt idx="410">
                  <c:v>44241</c:v>
                </c:pt>
                <c:pt idx="411">
                  <c:v>44242</c:v>
                </c:pt>
                <c:pt idx="412">
                  <c:v>44243</c:v>
                </c:pt>
                <c:pt idx="413">
                  <c:v>44244</c:v>
                </c:pt>
                <c:pt idx="414">
                  <c:v>44245</c:v>
                </c:pt>
                <c:pt idx="415">
                  <c:v>44246</c:v>
                </c:pt>
                <c:pt idx="416">
                  <c:v>44247</c:v>
                </c:pt>
                <c:pt idx="417">
                  <c:v>44248</c:v>
                </c:pt>
                <c:pt idx="418">
                  <c:v>44249</c:v>
                </c:pt>
                <c:pt idx="419">
                  <c:v>44250</c:v>
                </c:pt>
                <c:pt idx="420">
                  <c:v>44251</c:v>
                </c:pt>
                <c:pt idx="421">
                  <c:v>44252</c:v>
                </c:pt>
                <c:pt idx="422">
                  <c:v>44253</c:v>
                </c:pt>
                <c:pt idx="423">
                  <c:v>44254</c:v>
                </c:pt>
                <c:pt idx="424">
                  <c:v>44255</c:v>
                </c:pt>
                <c:pt idx="425">
                  <c:v>44256</c:v>
                </c:pt>
                <c:pt idx="426">
                  <c:v>44257</c:v>
                </c:pt>
                <c:pt idx="427">
                  <c:v>44258</c:v>
                </c:pt>
                <c:pt idx="428">
                  <c:v>44259</c:v>
                </c:pt>
                <c:pt idx="429">
                  <c:v>44260</c:v>
                </c:pt>
                <c:pt idx="430">
                  <c:v>44261</c:v>
                </c:pt>
                <c:pt idx="431">
                  <c:v>44262</c:v>
                </c:pt>
                <c:pt idx="432">
                  <c:v>44263</c:v>
                </c:pt>
                <c:pt idx="433">
                  <c:v>44264</c:v>
                </c:pt>
                <c:pt idx="434">
                  <c:v>44265</c:v>
                </c:pt>
                <c:pt idx="435">
                  <c:v>44266</c:v>
                </c:pt>
                <c:pt idx="436">
                  <c:v>44267</c:v>
                </c:pt>
                <c:pt idx="437">
                  <c:v>44268</c:v>
                </c:pt>
                <c:pt idx="438">
                  <c:v>44269</c:v>
                </c:pt>
                <c:pt idx="439">
                  <c:v>44270</c:v>
                </c:pt>
                <c:pt idx="440">
                  <c:v>44271</c:v>
                </c:pt>
                <c:pt idx="441">
                  <c:v>44272</c:v>
                </c:pt>
                <c:pt idx="442">
                  <c:v>44273</c:v>
                </c:pt>
                <c:pt idx="443">
                  <c:v>44274</c:v>
                </c:pt>
                <c:pt idx="444">
                  <c:v>44275</c:v>
                </c:pt>
                <c:pt idx="445">
                  <c:v>44276</c:v>
                </c:pt>
                <c:pt idx="446">
                  <c:v>44277</c:v>
                </c:pt>
                <c:pt idx="447">
                  <c:v>44278</c:v>
                </c:pt>
                <c:pt idx="448">
                  <c:v>44279</c:v>
                </c:pt>
                <c:pt idx="449">
                  <c:v>44280</c:v>
                </c:pt>
                <c:pt idx="450">
                  <c:v>44281</c:v>
                </c:pt>
                <c:pt idx="451">
                  <c:v>44282</c:v>
                </c:pt>
                <c:pt idx="452">
                  <c:v>44283</c:v>
                </c:pt>
                <c:pt idx="453">
                  <c:v>44284</c:v>
                </c:pt>
                <c:pt idx="454">
                  <c:v>44285</c:v>
                </c:pt>
                <c:pt idx="455">
                  <c:v>44286</c:v>
                </c:pt>
                <c:pt idx="456">
                  <c:v>44287</c:v>
                </c:pt>
                <c:pt idx="457">
                  <c:v>44288</c:v>
                </c:pt>
                <c:pt idx="458">
                  <c:v>44289</c:v>
                </c:pt>
                <c:pt idx="459">
                  <c:v>44290</c:v>
                </c:pt>
                <c:pt idx="460">
                  <c:v>44291</c:v>
                </c:pt>
                <c:pt idx="461">
                  <c:v>44292</c:v>
                </c:pt>
                <c:pt idx="462">
                  <c:v>44293</c:v>
                </c:pt>
                <c:pt idx="463">
                  <c:v>44294</c:v>
                </c:pt>
                <c:pt idx="464">
                  <c:v>44295</c:v>
                </c:pt>
                <c:pt idx="465">
                  <c:v>44296</c:v>
                </c:pt>
                <c:pt idx="466">
                  <c:v>44297</c:v>
                </c:pt>
                <c:pt idx="467">
                  <c:v>44298</c:v>
                </c:pt>
                <c:pt idx="468">
                  <c:v>44299</c:v>
                </c:pt>
                <c:pt idx="469">
                  <c:v>44300</c:v>
                </c:pt>
                <c:pt idx="470">
                  <c:v>44301</c:v>
                </c:pt>
                <c:pt idx="471">
                  <c:v>44302</c:v>
                </c:pt>
                <c:pt idx="472">
                  <c:v>44303</c:v>
                </c:pt>
                <c:pt idx="473">
                  <c:v>44304</c:v>
                </c:pt>
                <c:pt idx="474">
                  <c:v>44305</c:v>
                </c:pt>
                <c:pt idx="475">
                  <c:v>44306</c:v>
                </c:pt>
                <c:pt idx="476">
                  <c:v>44307</c:v>
                </c:pt>
                <c:pt idx="477">
                  <c:v>44308</c:v>
                </c:pt>
                <c:pt idx="478">
                  <c:v>44309</c:v>
                </c:pt>
                <c:pt idx="479">
                  <c:v>44310</c:v>
                </c:pt>
                <c:pt idx="480">
                  <c:v>44311</c:v>
                </c:pt>
                <c:pt idx="481">
                  <c:v>44312</c:v>
                </c:pt>
                <c:pt idx="482">
                  <c:v>44313</c:v>
                </c:pt>
                <c:pt idx="483">
                  <c:v>44314</c:v>
                </c:pt>
                <c:pt idx="484">
                  <c:v>44315</c:v>
                </c:pt>
                <c:pt idx="485">
                  <c:v>44316</c:v>
                </c:pt>
                <c:pt idx="486">
                  <c:v>44317</c:v>
                </c:pt>
                <c:pt idx="487">
                  <c:v>44318</c:v>
                </c:pt>
                <c:pt idx="488">
                  <c:v>44319</c:v>
                </c:pt>
                <c:pt idx="489">
                  <c:v>44320</c:v>
                </c:pt>
                <c:pt idx="490">
                  <c:v>44321</c:v>
                </c:pt>
                <c:pt idx="491">
                  <c:v>44322</c:v>
                </c:pt>
                <c:pt idx="492">
                  <c:v>44323</c:v>
                </c:pt>
                <c:pt idx="493">
                  <c:v>44324</c:v>
                </c:pt>
                <c:pt idx="494">
                  <c:v>44325</c:v>
                </c:pt>
                <c:pt idx="495">
                  <c:v>44326</c:v>
                </c:pt>
                <c:pt idx="496">
                  <c:v>44327</c:v>
                </c:pt>
                <c:pt idx="497">
                  <c:v>44328</c:v>
                </c:pt>
                <c:pt idx="498">
                  <c:v>44329</c:v>
                </c:pt>
                <c:pt idx="499">
                  <c:v>44330</c:v>
                </c:pt>
                <c:pt idx="500">
                  <c:v>44331</c:v>
                </c:pt>
                <c:pt idx="501">
                  <c:v>44332</c:v>
                </c:pt>
                <c:pt idx="502">
                  <c:v>44333</c:v>
                </c:pt>
                <c:pt idx="503">
                  <c:v>44334</c:v>
                </c:pt>
                <c:pt idx="504">
                  <c:v>44335</c:v>
                </c:pt>
                <c:pt idx="505">
                  <c:v>44336</c:v>
                </c:pt>
                <c:pt idx="506">
                  <c:v>44337</c:v>
                </c:pt>
                <c:pt idx="507">
                  <c:v>44338</c:v>
                </c:pt>
                <c:pt idx="508">
                  <c:v>44339</c:v>
                </c:pt>
                <c:pt idx="509">
                  <c:v>44340</c:v>
                </c:pt>
                <c:pt idx="510">
                  <c:v>44341</c:v>
                </c:pt>
                <c:pt idx="511">
                  <c:v>44342</c:v>
                </c:pt>
                <c:pt idx="512">
                  <c:v>44343</c:v>
                </c:pt>
                <c:pt idx="513">
                  <c:v>44344</c:v>
                </c:pt>
                <c:pt idx="514">
                  <c:v>44345</c:v>
                </c:pt>
                <c:pt idx="515">
                  <c:v>44346</c:v>
                </c:pt>
                <c:pt idx="516">
                  <c:v>44347</c:v>
                </c:pt>
                <c:pt idx="517">
                  <c:v>44348</c:v>
                </c:pt>
                <c:pt idx="518">
                  <c:v>44349</c:v>
                </c:pt>
                <c:pt idx="519">
                  <c:v>44350</c:v>
                </c:pt>
                <c:pt idx="520">
                  <c:v>44351</c:v>
                </c:pt>
                <c:pt idx="521">
                  <c:v>44352</c:v>
                </c:pt>
                <c:pt idx="522">
                  <c:v>44353</c:v>
                </c:pt>
                <c:pt idx="523">
                  <c:v>44354</c:v>
                </c:pt>
                <c:pt idx="524">
                  <c:v>44355</c:v>
                </c:pt>
                <c:pt idx="525">
                  <c:v>44356</c:v>
                </c:pt>
                <c:pt idx="526">
                  <c:v>44357</c:v>
                </c:pt>
                <c:pt idx="527">
                  <c:v>44358</c:v>
                </c:pt>
                <c:pt idx="528">
                  <c:v>44359</c:v>
                </c:pt>
                <c:pt idx="529">
                  <c:v>44360</c:v>
                </c:pt>
                <c:pt idx="530">
                  <c:v>44361</c:v>
                </c:pt>
                <c:pt idx="531">
                  <c:v>44362</c:v>
                </c:pt>
                <c:pt idx="532">
                  <c:v>44363</c:v>
                </c:pt>
                <c:pt idx="533">
                  <c:v>44364</c:v>
                </c:pt>
                <c:pt idx="534">
                  <c:v>44365</c:v>
                </c:pt>
                <c:pt idx="535">
                  <c:v>44366</c:v>
                </c:pt>
                <c:pt idx="536">
                  <c:v>44367</c:v>
                </c:pt>
                <c:pt idx="537">
                  <c:v>44368</c:v>
                </c:pt>
                <c:pt idx="538">
                  <c:v>44369</c:v>
                </c:pt>
                <c:pt idx="539">
                  <c:v>44370</c:v>
                </c:pt>
                <c:pt idx="540">
                  <c:v>44371</c:v>
                </c:pt>
                <c:pt idx="541">
                  <c:v>44372</c:v>
                </c:pt>
                <c:pt idx="542">
                  <c:v>44373</c:v>
                </c:pt>
                <c:pt idx="543">
                  <c:v>44374</c:v>
                </c:pt>
                <c:pt idx="544">
                  <c:v>44375</c:v>
                </c:pt>
                <c:pt idx="545">
                  <c:v>44376</c:v>
                </c:pt>
                <c:pt idx="546">
                  <c:v>44377</c:v>
                </c:pt>
                <c:pt idx="547">
                  <c:v>44378</c:v>
                </c:pt>
                <c:pt idx="548">
                  <c:v>44379</c:v>
                </c:pt>
                <c:pt idx="549">
                  <c:v>44380</c:v>
                </c:pt>
                <c:pt idx="550">
                  <c:v>44381</c:v>
                </c:pt>
                <c:pt idx="551">
                  <c:v>44382</c:v>
                </c:pt>
                <c:pt idx="552">
                  <c:v>44383</c:v>
                </c:pt>
                <c:pt idx="553">
                  <c:v>44384</c:v>
                </c:pt>
                <c:pt idx="554">
                  <c:v>44385</c:v>
                </c:pt>
                <c:pt idx="555">
                  <c:v>44386</c:v>
                </c:pt>
                <c:pt idx="556">
                  <c:v>44387</c:v>
                </c:pt>
                <c:pt idx="557">
                  <c:v>44388</c:v>
                </c:pt>
                <c:pt idx="558">
                  <c:v>44389</c:v>
                </c:pt>
                <c:pt idx="559">
                  <c:v>44390</c:v>
                </c:pt>
                <c:pt idx="560">
                  <c:v>44391</c:v>
                </c:pt>
                <c:pt idx="561">
                  <c:v>44392</c:v>
                </c:pt>
                <c:pt idx="562">
                  <c:v>44393</c:v>
                </c:pt>
                <c:pt idx="563">
                  <c:v>44394</c:v>
                </c:pt>
                <c:pt idx="564">
                  <c:v>44395</c:v>
                </c:pt>
                <c:pt idx="565">
                  <c:v>44396</c:v>
                </c:pt>
                <c:pt idx="566">
                  <c:v>44397</c:v>
                </c:pt>
                <c:pt idx="567">
                  <c:v>44398</c:v>
                </c:pt>
                <c:pt idx="568">
                  <c:v>44399</c:v>
                </c:pt>
                <c:pt idx="569">
                  <c:v>44400</c:v>
                </c:pt>
                <c:pt idx="570">
                  <c:v>44401</c:v>
                </c:pt>
                <c:pt idx="571">
                  <c:v>44402</c:v>
                </c:pt>
                <c:pt idx="572">
                  <c:v>44403</c:v>
                </c:pt>
                <c:pt idx="573">
                  <c:v>44404</c:v>
                </c:pt>
                <c:pt idx="574">
                  <c:v>44405</c:v>
                </c:pt>
                <c:pt idx="575">
                  <c:v>44406</c:v>
                </c:pt>
                <c:pt idx="576">
                  <c:v>44407</c:v>
                </c:pt>
                <c:pt idx="577">
                  <c:v>44408</c:v>
                </c:pt>
                <c:pt idx="578">
                  <c:v>44409</c:v>
                </c:pt>
                <c:pt idx="579">
                  <c:v>44410</c:v>
                </c:pt>
                <c:pt idx="580">
                  <c:v>44411</c:v>
                </c:pt>
                <c:pt idx="581">
                  <c:v>44412</c:v>
                </c:pt>
                <c:pt idx="582">
                  <c:v>44413</c:v>
                </c:pt>
                <c:pt idx="583">
                  <c:v>44414</c:v>
                </c:pt>
                <c:pt idx="584">
                  <c:v>44415</c:v>
                </c:pt>
                <c:pt idx="585">
                  <c:v>44416</c:v>
                </c:pt>
                <c:pt idx="586">
                  <c:v>44417</c:v>
                </c:pt>
                <c:pt idx="587">
                  <c:v>44418</c:v>
                </c:pt>
                <c:pt idx="588">
                  <c:v>44419</c:v>
                </c:pt>
                <c:pt idx="589">
                  <c:v>44420</c:v>
                </c:pt>
                <c:pt idx="590">
                  <c:v>44421</c:v>
                </c:pt>
                <c:pt idx="591">
                  <c:v>44422</c:v>
                </c:pt>
                <c:pt idx="592">
                  <c:v>44423</c:v>
                </c:pt>
                <c:pt idx="593">
                  <c:v>44424</c:v>
                </c:pt>
                <c:pt idx="594">
                  <c:v>44425</c:v>
                </c:pt>
                <c:pt idx="595">
                  <c:v>44426</c:v>
                </c:pt>
                <c:pt idx="596">
                  <c:v>44427</c:v>
                </c:pt>
                <c:pt idx="597">
                  <c:v>44428</c:v>
                </c:pt>
                <c:pt idx="598">
                  <c:v>44429</c:v>
                </c:pt>
                <c:pt idx="599">
                  <c:v>44430</c:v>
                </c:pt>
                <c:pt idx="600">
                  <c:v>44431</c:v>
                </c:pt>
                <c:pt idx="601">
                  <c:v>44432</c:v>
                </c:pt>
                <c:pt idx="602">
                  <c:v>44433</c:v>
                </c:pt>
                <c:pt idx="603">
                  <c:v>44434</c:v>
                </c:pt>
                <c:pt idx="604">
                  <c:v>44435</c:v>
                </c:pt>
                <c:pt idx="605">
                  <c:v>44436</c:v>
                </c:pt>
                <c:pt idx="606">
                  <c:v>44437</c:v>
                </c:pt>
                <c:pt idx="607">
                  <c:v>44438</c:v>
                </c:pt>
                <c:pt idx="608">
                  <c:v>44439</c:v>
                </c:pt>
                <c:pt idx="609">
                  <c:v>44440</c:v>
                </c:pt>
                <c:pt idx="610">
                  <c:v>44441</c:v>
                </c:pt>
                <c:pt idx="611">
                  <c:v>44442</c:v>
                </c:pt>
                <c:pt idx="612">
                  <c:v>44443</c:v>
                </c:pt>
                <c:pt idx="613">
                  <c:v>44444</c:v>
                </c:pt>
                <c:pt idx="614">
                  <c:v>44445</c:v>
                </c:pt>
                <c:pt idx="615">
                  <c:v>44446</c:v>
                </c:pt>
                <c:pt idx="616">
                  <c:v>44447</c:v>
                </c:pt>
                <c:pt idx="617">
                  <c:v>44448</c:v>
                </c:pt>
                <c:pt idx="618">
                  <c:v>44449</c:v>
                </c:pt>
                <c:pt idx="619">
                  <c:v>44450</c:v>
                </c:pt>
                <c:pt idx="620">
                  <c:v>44451</c:v>
                </c:pt>
                <c:pt idx="621">
                  <c:v>44452</c:v>
                </c:pt>
                <c:pt idx="622">
                  <c:v>44453</c:v>
                </c:pt>
                <c:pt idx="623">
                  <c:v>44454</c:v>
                </c:pt>
                <c:pt idx="624">
                  <c:v>44455</c:v>
                </c:pt>
                <c:pt idx="625">
                  <c:v>44456</c:v>
                </c:pt>
                <c:pt idx="626">
                  <c:v>44457</c:v>
                </c:pt>
                <c:pt idx="627">
                  <c:v>44458</c:v>
                </c:pt>
                <c:pt idx="628">
                  <c:v>44459</c:v>
                </c:pt>
                <c:pt idx="629">
                  <c:v>44460</c:v>
                </c:pt>
                <c:pt idx="630">
                  <c:v>44461</c:v>
                </c:pt>
                <c:pt idx="631">
                  <c:v>44462</c:v>
                </c:pt>
                <c:pt idx="632">
                  <c:v>44463</c:v>
                </c:pt>
                <c:pt idx="633">
                  <c:v>44464</c:v>
                </c:pt>
                <c:pt idx="634">
                  <c:v>44465</c:v>
                </c:pt>
                <c:pt idx="635">
                  <c:v>44466</c:v>
                </c:pt>
                <c:pt idx="636">
                  <c:v>44467</c:v>
                </c:pt>
                <c:pt idx="637">
                  <c:v>44468</c:v>
                </c:pt>
                <c:pt idx="638">
                  <c:v>44469</c:v>
                </c:pt>
                <c:pt idx="639">
                  <c:v>44470</c:v>
                </c:pt>
                <c:pt idx="640">
                  <c:v>44471</c:v>
                </c:pt>
                <c:pt idx="641">
                  <c:v>44472</c:v>
                </c:pt>
                <c:pt idx="642">
                  <c:v>44473</c:v>
                </c:pt>
                <c:pt idx="643">
                  <c:v>44474</c:v>
                </c:pt>
                <c:pt idx="644">
                  <c:v>44475</c:v>
                </c:pt>
                <c:pt idx="645">
                  <c:v>44476</c:v>
                </c:pt>
                <c:pt idx="646">
                  <c:v>44477</c:v>
                </c:pt>
                <c:pt idx="647">
                  <c:v>44478</c:v>
                </c:pt>
                <c:pt idx="648">
                  <c:v>44479</c:v>
                </c:pt>
                <c:pt idx="649">
                  <c:v>44480</c:v>
                </c:pt>
                <c:pt idx="650">
                  <c:v>44481</c:v>
                </c:pt>
                <c:pt idx="651">
                  <c:v>44482</c:v>
                </c:pt>
                <c:pt idx="652">
                  <c:v>44483</c:v>
                </c:pt>
                <c:pt idx="653">
                  <c:v>44484</c:v>
                </c:pt>
                <c:pt idx="654">
                  <c:v>44485</c:v>
                </c:pt>
                <c:pt idx="655">
                  <c:v>44486</c:v>
                </c:pt>
                <c:pt idx="656">
                  <c:v>44487</c:v>
                </c:pt>
                <c:pt idx="657">
                  <c:v>44488</c:v>
                </c:pt>
                <c:pt idx="658">
                  <c:v>44489</c:v>
                </c:pt>
                <c:pt idx="659">
                  <c:v>44490</c:v>
                </c:pt>
                <c:pt idx="660">
                  <c:v>44491</c:v>
                </c:pt>
                <c:pt idx="661">
                  <c:v>44492</c:v>
                </c:pt>
                <c:pt idx="662">
                  <c:v>44493</c:v>
                </c:pt>
                <c:pt idx="663">
                  <c:v>44494</c:v>
                </c:pt>
                <c:pt idx="664">
                  <c:v>44495</c:v>
                </c:pt>
                <c:pt idx="665">
                  <c:v>44496</c:v>
                </c:pt>
                <c:pt idx="666">
                  <c:v>44497</c:v>
                </c:pt>
                <c:pt idx="667">
                  <c:v>44498</c:v>
                </c:pt>
                <c:pt idx="668">
                  <c:v>44499</c:v>
                </c:pt>
                <c:pt idx="669">
                  <c:v>44500</c:v>
                </c:pt>
                <c:pt idx="670">
                  <c:v>44501</c:v>
                </c:pt>
                <c:pt idx="671">
                  <c:v>44502</c:v>
                </c:pt>
                <c:pt idx="672">
                  <c:v>44503</c:v>
                </c:pt>
                <c:pt idx="673">
                  <c:v>44504</c:v>
                </c:pt>
                <c:pt idx="674">
                  <c:v>44505</c:v>
                </c:pt>
                <c:pt idx="675">
                  <c:v>44506</c:v>
                </c:pt>
                <c:pt idx="676">
                  <c:v>44507</c:v>
                </c:pt>
                <c:pt idx="677">
                  <c:v>44508</c:v>
                </c:pt>
                <c:pt idx="678">
                  <c:v>44509</c:v>
                </c:pt>
                <c:pt idx="679">
                  <c:v>44510</c:v>
                </c:pt>
                <c:pt idx="680">
                  <c:v>44511</c:v>
                </c:pt>
                <c:pt idx="681">
                  <c:v>44512</c:v>
                </c:pt>
                <c:pt idx="682">
                  <c:v>44513</c:v>
                </c:pt>
                <c:pt idx="683">
                  <c:v>44514</c:v>
                </c:pt>
                <c:pt idx="684">
                  <c:v>44515</c:v>
                </c:pt>
                <c:pt idx="685">
                  <c:v>44516</c:v>
                </c:pt>
                <c:pt idx="686">
                  <c:v>44517</c:v>
                </c:pt>
                <c:pt idx="687">
                  <c:v>44518</c:v>
                </c:pt>
                <c:pt idx="688">
                  <c:v>44519</c:v>
                </c:pt>
                <c:pt idx="689">
                  <c:v>44520</c:v>
                </c:pt>
                <c:pt idx="690">
                  <c:v>44521</c:v>
                </c:pt>
                <c:pt idx="691">
                  <c:v>44522</c:v>
                </c:pt>
                <c:pt idx="692">
                  <c:v>44523</c:v>
                </c:pt>
                <c:pt idx="693">
                  <c:v>44524</c:v>
                </c:pt>
                <c:pt idx="694">
                  <c:v>44525</c:v>
                </c:pt>
                <c:pt idx="695">
                  <c:v>44526</c:v>
                </c:pt>
                <c:pt idx="696">
                  <c:v>44527</c:v>
                </c:pt>
                <c:pt idx="697">
                  <c:v>44528</c:v>
                </c:pt>
                <c:pt idx="698">
                  <c:v>44529</c:v>
                </c:pt>
                <c:pt idx="699">
                  <c:v>44530</c:v>
                </c:pt>
                <c:pt idx="700">
                  <c:v>44531</c:v>
                </c:pt>
                <c:pt idx="701">
                  <c:v>44532</c:v>
                </c:pt>
                <c:pt idx="702">
                  <c:v>44533</c:v>
                </c:pt>
                <c:pt idx="703">
                  <c:v>44534</c:v>
                </c:pt>
                <c:pt idx="704">
                  <c:v>44535</c:v>
                </c:pt>
                <c:pt idx="705">
                  <c:v>44536</c:v>
                </c:pt>
                <c:pt idx="706">
                  <c:v>44537</c:v>
                </c:pt>
                <c:pt idx="707">
                  <c:v>44538</c:v>
                </c:pt>
                <c:pt idx="708">
                  <c:v>44539</c:v>
                </c:pt>
                <c:pt idx="709">
                  <c:v>44540</c:v>
                </c:pt>
                <c:pt idx="710">
                  <c:v>44541</c:v>
                </c:pt>
                <c:pt idx="711">
                  <c:v>44542</c:v>
                </c:pt>
                <c:pt idx="712">
                  <c:v>44543</c:v>
                </c:pt>
                <c:pt idx="713">
                  <c:v>44544</c:v>
                </c:pt>
                <c:pt idx="714">
                  <c:v>44545</c:v>
                </c:pt>
                <c:pt idx="715">
                  <c:v>44546</c:v>
                </c:pt>
                <c:pt idx="716">
                  <c:v>44547</c:v>
                </c:pt>
                <c:pt idx="717">
                  <c:v>44548</c:v>
                </c:pt>
                <c:pt idx="718">
                  <c:v>44549</c:v>
                </c:pt>
                <c:pt idx="719">
                  <c:v>44550</c:v>
                </c:pt>
                <c:pt idx="720">
                  <c:v>44551</c:v>
                </c:pt>
                <c:pt idx="721">
                  <c:v>44552</c:v>
                </c:pt>
                <c:pt idx="722">
                  <c:v>44553</c:v>
                </c:pt>
                <c:pt idx="723">
                  <c:v>44554</c:v>
                </c:pt>
                <c:pt idx="724">
                  <c:v>44555</c:v>
                </c:pt>
                <c:pt idx="725">
                  <c:v>44556</c:v>
                </c:pt>
                <c:pt idx="726">
                  <c:v>44557</c:v>
                </c:pt>
                <c:pt idx="727">
                  <c:v>44558</c:v>
                </c:pt>
                <c:pt idx="728">
                  <c:v>44559</c:v>
                </c:pt>
                <c:pt idx="729">
                  <c:v>44560</c:v>
                </c:pt>
                <c:pt idx="730">
                  <c:v>44561</c:v>
                </c:pt>
                <c:pt idx="731">
                  <c:v>44562</c:v>
                </c:pt>
                <c:pt idx="732">
                  <c:v>44563</c:v>
                </c:pt>
                <c:pt idx="733">
                  <c:v>44564</c:v>
                </c:pt>
                <c:pt idx="734">
                  <c:v>44565</c:v>
                </c:pt>
                <c:pt idx="735">
                  <c:v>44566</c:v>
                </c:pt>
                <c:pt idx="736">
                  <c:v>44567</c:v>
                </c:pt>
                <c:pt idx="737">
                  <c:v>44568</c:v>
                </c:pt>
                <c:pt idx="738">
                  <c:v>44569</c:v>
                </c:pt>
                <c:pt idx="739">
                  <c:v>44570</c:v>
                </c:pt>
                <c:pt idx="740">
                  <c:v>44571</c:v>
                </c:pt>
                <c:pt idx="741">
                  <c:v>44572</c:v>
                </c:pt>
                <c:pt idx="742">
                  <c:v>44573</c:v>
                </c:pt>
                <c:pt idx="743">
                  <c:v>44574</c:v>
                </c:pt>
                <c:pt idx="744">
                  <c:v>44575</c:v>
                </c:pt>
                <c:pt idx="745">
                  <c:v>44576</c:v>
                </c:pt>
                <c:pt idx="746">
                  <c:v>44577</c:v>
                </c:pt>
                <c:pt idx="747">
                  <c:v>44578</c:v>
                </c:pt>
                <c:pt idx="748">
                  <c:v>44579</c:v>
                </c:pt>
                <c:pt idx="749">
                  <c:v>44580</c:v>
                </c:pt>
                <c:pt idx="750">
                  <c:v>44581</c:v>
                </c:pt>
                <c:pt idx="751">
                  <c:v>44582</c:v>
                </c:pt>
                <c:pt idx="752">
                  <c:v>44583</c:v>
                </c:pt>
                <c:pt idx="753">
                  <c:v>44584</c:v>
                </c:pt>
                <c:pt idx="754">
                  <c:v>44585</c:v>
                </c:pt>
                <c:pt idx="755">
                  <c:v>44586</c:v>
                </c:pt>
                <c:pt idx="756">
                  <c:v>44587</c:v>
                </c:pt>
                <c:pt idx="757">
                  <c:v>44588</c:v>
                </c:pt>
                <c:pt idx="758">
                  <c:v>44589</c:v>
                </c:pt>
                <c:pt idx="759">
                  <c:v>44590</c:v>
                </c:pt>
                <c:pt idx="760">
                  <c:v>44591</c:v>
                </c:pt>
                <c:pt idx="761">
                  <c:v>44592</c:v>
                </c:pt>
                <c:pt idx="762">
                  <c:v>44593</c:v>
                </c:pt>
                <c:pt idx="763">
                  <c:v>44594</c:v>
                </c:pt>
                <c:pt idx="764">
                  <c:v>44595</c:v>
                </c:pt>
                <c:pt idx="765">
                  <c:v>44596</c:v>
                </c:pt>
                <c:pt idx="766">
                  <c:v>44597</c:v>
                </c:pt>
                <c:pt idx="767">
                  <c:v>44598</c:v>
                </c:pt>
                <c:pt idx="768">
                  <c:v>44599</c:v>
                </c:pt>
                <c:pt idx="769">
                  <c:v>44600</c:v>
                </c:pt>
                <c:pt idx="770">
                  <c:v>44601</c:v>
                </c:pt>
                <c:pt idx="771">
                  <c:v>44602</c:v>
                </c:pt>
                <c:pt idx="772">
                  <c:v>44603</c:v>
                </c:pt>
                <c:pt idx="773">
                  <c:v>44604</c:v>
                </c:pt>
                <c:pt idx="774">
                  <c:v>44605</c:v>
                </c:pt>
                <c:pt idx="775">
                  <c:v>44606</c:v>
                </c:pt>
                <c:pt idx="776">
                  <c:v>44607</c:v>
                </c:pt>
                <c:pt idx="777">
                  <c:v>44608</c:v>
                </c:pt>
                <c:pt idx="778">
                  <c:v>44609</c:v>
                </c:pt>
                <c:pt idx="779">
                  <c:v>44610</c:v>
                </c:pt>
                <c:pt idx="780">
                  <c:v>44611</c:v>
                </c:pt>
                <c:pt idx="781">
                  <c:v>44612</c:v>
                </c:pt>
                <c:pt idx="782">
                  <c:v>44613</c:v>
                </c:pt>
                <c:pt idx="783">
                  <c:v>44614</c:v>
                </c:pt>
                <c:pt idx="784">
                  <c:v>44615</c:v>
                </c:pt>
                <c:pt idx="785">
                  <c:v>44616</c:v>
                </c:pt>
                <c:pt idx="786">
                  <c:v>44617</c:v>
                </c:pt>
                <c:pt idx="787">
                  <c:v>44618</c:v>
                </c:pt>
                <c:pt idx="788">
                  <c:v>44619</c:v>
                </c:pt>
                <c:pt idx="789">
                  <c:v>44620</c:v>
                </c:pt>
                <c:pt idx="790">
                  <c:v>44621</c:v>
                </c:pt>
                <c:pt idx="791">
                  <c:v>44622</c:v>
                </c:pt>
                <c:pt idx="792">
                  <c:v>44623</c:v>
                </c:pt>
                <c:pt idx="793">
                  <c:v>44624</c:v>
                </c:pt>
                <c:pt idx="794">
                  <c:v>44625</c:v>
                </c:pt>
                <c:pt idx="795">
                  <c:v>44626</c:v>
                </c:pt>
                <c:pt idx="796">
                  <c:v>44627</c:v>
                </c:pt>
                <c:pt idx="797">
                  <c:v>44628</c:v>
                </c:pt>
                <c:pt idx="798">
                  <c:v>44629</c:v>
                </c:pt>
                <c:pt idx="799">
                  <c:v>44630</c:v>
                </c:pt>
                <c:pt idx="800">
                  <c:v>44631</c:v>
                </c:pt>
                <c:pt idx="801">
                  <c:v>44632</c:v>
                </c:pt>
                <c:pt idx="802">
                  <c:v>44633</c:v>
                </c:pt>
                <c:pt idx="803">
                  <c:v>44634</c:v>
                </c:pt>
                <c:pt idx="804">
                  <c:v>44635</c:v>
                </c:pt>
                <c:pt idx="805">
                  <c:v>44636</c:v>
                </c:pt>
                <c:pt idx="806">
                  <c:v>44637</c:v>
                </c:pt>
                <c:pt idx="807">
                  <c:v>44638</c:v>
                </c:pt>
                <c:pt idx="808">
                  <c:v>44639</c:v>
                </c:pt>
                <c:pt idx="809">
                  <c:v>44640</c:v>
                </c:pt>
                <c:pt idx="810">
                  <c:v>44641</c:v>
                </c:pt>
                <c:pt idx="811">
                  <c:v>44642</c:v>
                </c:pt>
                <c:pt idx="812">
                  <c:v>44643</c:v>
                </c:pt>
                <c:pt idx="813">
                  <c:v>44644</c:v>
                </c:pt>
                <c:pt idx="814">
                  <c:v>44645</c:v>
                </c:pt>
                <c:pt idx="815">
                  <c:v>44646</c:v>
                </c:pt>
                <c:pt idx="816">
                  <c:v>44647</c:v>
                </c:pt>
                <c:pt idx="817">
                  <c:v>44648</c:v>
                </c:pt>
                <c:pt idx="818">
                  <c:v>44649</c:v>
                </c:pt>
                <c:pt idx="819">
                  <c:v>44650</c:v>
                </c:pt>
                <c:pt idx="820">
                  <c:v>44651</c:v>
                </c:pt>
                <c:pt idx="821">
                  <c:v>44652</c:v>
                </c:pt>
                <c:pt idx="822">
                  <c:v>44653</c:v>
                </c:pt>
                <c:pt idx="823">
                  <c:v>44654</c:v>
                </c:pt>
                <c:pt idx="824">
                  <c:v>44655</c:v>
                </c:pt>
                <c:pt idx="825">
                  <c:v>44656</c:v>
                </c:pt>
                <c:pt idx="826">
                  <c:v>44657</c:v>
                </c:pt>
                <c:pt idx="827">
                  <c:v>44658</c:v>
                </c:pt>
                <c:pt idx="828">
                  <c:v>44659</c:v>
                </c:pt>
                <c:pt idx="829">
                  <c:v>44660</c:v>
                </c:pt>
                <c:pt idx="830">
                  <c:v>44661</c:v>
                </c:pt>
                <c:pt idx="831">
                  <c:v>44662</c:v>
                </c:pt>
                <c:pt idx="832">
                  <c:v>44663</c:v>
                </c:pt>
                <c:pt idx="833">
                  <c:v>44664</c:v>
                </c:pt>
                <c:pt idx="834">
                  <c:v>44665</c:v>
                </c:pt>
                <c:pt idx="835">
                  <c:v>44666</c:v>
                </c:pt>
                <c:pt idx="836">
                  <c:v>44667</c:v>
                </c:pt>
                <c:pt idx="837">
                  <c:v>44668</c:v>
                </c:pt>
                <c:pt idx="838">
                  <c:v>44669</c:v>
                </c:pt>
                <c:pt idx="839">
                  <c:v>44670</c:v>
                </c:pt>
                <c:pt idx="840">
                  <c:v>44671</c:v>
                </c:pt>
                <c:pt idx="841">
                  <c:v>44672</c:v>
                </c:pt>
                <c:pt idx="842">
                  <c:v>44673</c:v>
                </c:pt>
                <c:pt idx="843">
                  <c:v>44674</c:v>
                </c:pt>
                <c:pt idx="844">
                  <c:v>44675</c:v>
                </c:pt>
                <c:pt idx="845">
                  <c:v>44676</c:v>
                </c:pt>
                <c:pt idx="846">
                  <c:v>44677</c:v>
                </c:pt>
                <c:pt idx="847">
                  <c:v>44678</c:v>
                </c:pt>
                <c:pt idx="848">
                  <c:v>44679</c:v>
                </c:pt>
                <c:pt idx="849">
                  <c:v>44680</c:v>
                </c:pt>
                <c:pt idx="850">
                  <c:v>44681</c:v>
                </c:pt>
                <c:pt idx="851">
                  <c:v>44682</c:v>
                </c:pt>
                <c:pt idx="852">
                  <c:v>44683</c:v>
                </c:pt>
                <c:pt idx="853">
                  <c:v>44684</c:v>
                </c:pt>
                <c:pt idx="854">
                  <c:v>44685</c:v>
                </c:pt>
                <c:pt idx="855">
                  <c:v>44686</c:v>
                </c:pt>
                <c:pt idx="856">
                  <c:v>44687</c:v>
                </c:pt>
                <c:pt idx="857">
                  <c:v>44688</c:v>
                </c:pt>
                <c:pt idx="858">
                  <c:v>44689</c:v>
                </c:pt>
                <c:pt idx="859">
                  <c:v>44690</c:v>
                </c:pt>
                <c:pt idx="860">
                  <c:v>44691</c:v>
                </c:pt>
                <c:pt idx="861">
                  <c:v>44692</c:v>
                </c:pt>
                <c:pt idx="862">
                  <c:v>44693</c:v>
                </c:pt>
                <c:pt idx="863">
                  <c:v>44694</c:v>
                </c:pt>
                <c:pt idx="864">
                  <c:v>44695</c:v>
                </c:pt>
                <c:pt idx="865">
                  <c:v>44696</c:v>
                </c:pt>
                <c:pt idx="866">
                  <c:v>44697</c:v>
                </c:pt>
                <c:pt idx="867">
                  <c:v>44698</c:v>
                </c:pt>
                <c:pt idx="868">
                  <c:v>44699</c:v>
                </c:pt>
                <c:pt idx="869">
                  <c:v>44700</c:v>
                </c:pt>
                <c:pt idx="870">
                  <c:v>44701</c:v>
                </c:pt>
                <c:pt idx="871">
                  <c:v>44702</c:v>
                </c:pt>
                <c:pt idx="872">
                  <c:v>44703</c:v>
                </c:pt>
                <c:pt idx="873">
                  <c:v>44704</c:v>
                </c:pt>
                <c:pt idx="874">
                  <c:v>44705</c:v>
                </c:pt>
                <c:pt idx="875">
                  <c:v>44706</c:v>
                </c:pt>
                <c:pt idx="876">
                  <c:v>44707</c:v>
                </c:pt>
                <c:pt idx="877">
                  <c:v>44708</c:v>
                </c:pt>
                <c:pt idx="878">
                  <c:v>44709</c:v>
                </c:pt>
                <c:pt idx="879">
                  <c:v>44710</c:v>
                </c:pt>
                <c:pt idx="880">
                  <c:v>44711</c:v>
                </c:pt>
                <c:pt idx="881">
                  <c:v>44712</c:v>
                </c:pt>
                <c:pt idx="882">
                  <c:v>44713</c:v>
                </c:pt>
                <c:pt idx="883">
                  <c:v>44714</c:v>
                </c:pt>
                <c:pt idx="884">
                  <c:v>44715</c:v>
                </c:pt>
                <c:pt idx="885">
                  <c:v>44716</c:v>
                </c:pt>
                <c:pt idx="886">
                  <c:v>44717</c:v>
                </c:pt>
                <c:pt idx="887">
                  <c:v>44718</c:v>
                </c:pt>
                <c:pt idx="888">
                  <c:v>44719</c:v>
                </c:pt>
                <c:pt idx="889">
                  <c:v>44720</c:v>
                </c:pt>
                <c:pt idx="890">
                  <c:v>44721</c:v>
                </c:pt>
                <c:pt idx="891">
                  <c:v>44722</c:v>
                </c:pt>
                <c:pt idx="892">
                  <c:v>44723</c:v>
                </c:pt>
                <c:pt idx="893">
                  <c:v>44724</c:v>
                </c:pt>
                <c:pt idx="894">
                  <c:v>44725</c:v>
                </c:pt>
                <c:pt idx="895">
                  <c:v>44726</c:v>
                </c:pt>
                <c:pt idx="896">
                  <c:v>44727</c:v>
                </c:pt>
                <c:pt idx="897">
                  <c:v>44728</c:v>
                </c:pt>
                <c:pt idx="898">
                  <c:v>44729</c:v>
                </c:pt>
                <c:pt idx="899">
                  <c:v>44730</c:v>
                </c:pt>
                <c:pt idx="900">
                  <c:v>44731</c:v>
                </c:pt>
                <c:pt idx="901">
                  <c:v>44732</c:v>
                </c:pt>
                <c:pt idx="902">
                  <c:v>44733</c:v>
                </c:pt>
                <c:pt idx="903">
                  <c:v>44734</c:v>
                </c:pt>
                <c:pt idx="904">
                  <c:v>44735</c:v>
                </c:pt>
                <c:pt idx="905">
                  <c:v>44736</c:v>
                </c:pt>
                <c:pt idx="906">
                  <c:v>44737</c:v>
                </c:pt>
                <c:pt idx="907">
                  <c:v>44738</c:v>
                </c:pt>
                <c:pt idx="908">
                  <c:v>44739</c:v>
                </c:pt>
                <c:pt idx="909">
                  <c:v>44740</c:v>
                </c:pt>
                <c:pt idx="910">
                  <c:v>44741</c:v>
                </c:pt>
                <c:pt idx="911">
                  <c:v>44742</c:v>
                </c:pt>
                <c:pt idx="912">
                  <c:v>44743</c:v>
                </c:pt>
                <c:pt idx="913">
                  <c:v>44744</c:v>
                </c:pt>
                <c:pt idx="914">
                  <c:v>44745</c:v>
                </c:pt>
                <c:pt idx="915">
                  <c:v>44746</c:v>
                </c:pt>
                <c:pt idx="916">
                  <c:v>44747</c:v>
                </c:pt>
                <c:pt idx="917">
                  <c:v>44748</c:v>
                </c:pt>
                <c:pt idx="918">
                  <c:v>44749</c:v>
                </c:pt>
                <c:pt idx="919">
                  <c:v>44750</c:v>
                </c:pt>
                <c:pt idx="920">
                  <c:v>44751</c:v>
                </c:pt>
                <c:pt idx="921">
                  <c:v>44752</c:v>
                </c:pt>
                <c:pt idx="922">
                  <c:v>44753</c:v>
                </c:pt>
                <c:pt idx="923">
                  <c:v>44754</c:v>
                </c:pt>
                <c:pt idx="924">
                  <c:v>44755</c:v>
                </c:pt>
                <c:pt idx="925">
                  <c:v>44756</c:v>
                </c:pt>
                <c:pt idx="926">
                  <c:v>44757</c:v>
                </c:pt>
                <c:pt idx="927">
                  <c:v>44758</c:v>
                </c:pt>
                <c:pt idx="928">
                  <c:v>44759</c:v>
                </c:pt>
                <c:pt idx="929">
                  <c:v>44760</c:v>
                </c:pt>
                <c:pt idx="930">
                  <c:v>44761</c:v>
                </c:pt>
                <c:pt idx="931">
                  <c:v>44762</c:v>
                </c:pt>
                <c:pt idx="932">
                  <c:v>44763</c:v>
                </c:pt>
                <c:pt idx="933">
                  <c:v>44764</c:v>
                </c:pt>
                <c:pt idx="934">
                  <c:v>44765</c:v>
                </c:pt>
                <c:pt idx="935">
                  <c:v>44766</c:v>
                </c:pt>
                <c:pt idx="936">
                  <c:v>44767</c:v>
                </c:pt>
                <c:pt idx="937">
                  <c:v>44768</c:v>
                </c:pt>
                <c:pt idx="938">
                  <c:v>44769</c:v>
                </c:pt>
                <c:pt idx="939">
                  <c:v>44770</c:v>
                </c:pt>
                <c:pt idx="940">
                  <c:v>44771</c:v>
                </c:pt>
                <c:pt idx="941">
                  <c:v>44772</c:v>
                </c:pt>
                <c:pt idx="942">
                  <c:v>44773</c:v>
                </c:pt>
                <c:pt idx="943">
                  <c:v>44774</c:v>
                </c:pt>
                <c:pt idx="944">
                  <c:v>44775</c:v>
                </c:pt>
                <c:pt idx="945">
                  <c:v>44776</c:v>
                </c:pt>
                <c:pt idx="946">
                  <c:v>44777</c:v>
                </c:pt>
                <c:pt idx="947">
                  <c:v>44778</c:v>
                </c:pt>
                <c:pt idx="948">
                  <c:v>44779</c:v>
                </c:pt>
                <c:pt idx="949">
                  <c:v>44780</c:v>
                </c:pt>
                <c:pt idx="950">
                  <c:v>44781</c:v>
                </c:pt>
                <c:pt idx="951">
                  <c:v>44782</c:v>
                </c:pt>
                <c:pt idx="952">
                  <c:v>44783</c:v>
                </c:pt>
                <c:pt idx="953">
                  <c:v>44784</c:v>
                </c:pt>
                <c:pt idx="954">
                  <c:v>44785</c:v>
                </c:pt>
                <c:pt idx="955">
                  <c:v>44786</c:v>
                </c:pt>
                <c:pt idx="956">
                  <c:v>44787</c:v>
                </c:pt>
                <c:pt idx="957">
                  <c:v>44788</c:v>
                </c:pt>
                <c:pt idx="958">
                  <c:v>44789</c:v>
                </c:pt>
                <c:pt idx="959">
                  <c:v>44790</c:v>
                </c:pt>
                <c:pt idx="960">
                  <c:v>44791</c:v>
                </c:pt>
                <c:pt idx="961">
                  <c:v>44792</c:v>
                </c:pt>
                <c:pt idx="962">
                  <c:v>44793</c:v>
                </c:pt>
                <c:pt idx="963">
                  <c:v>44794</c:v>
                </c:pt>
                <c:pt idx="964">
                  <c:v>44795</c:v>
                </c:pt>
                <c:pt idx="965">
                  <c:v>44796</c:v>
                </c:pt>
                <c:pt idx="966">
                  <c:v>44797</c:v>
                </c:pt>
                <c:pt idx="967">
                  <c:v>44798</c:v>
                </c:pt>
                <c:pt idx="968">
                  <c:v>44799</c:v>
                </c:pt>
                <c:pt idx="969">
                  <c:v>44800</c:v>
                </c:pt>
                <c:pt idx="970">
                  <c:v>44801</c:v>
                </c:pt>
                <c:pt idx="971">
                  <c:v>44802</c:v>
                </c:pt>
                <c:pt idx="972">
                  <c:v>44803</c:v>
                </c:pt>
                <c:pt idx="973">
                  <c:v>44804</c:v>
                </c:pt>
                <c:pt idx="974">
                  <c:v>44805</c:v>
                </c:pt>
                <c:pt idx="975">
                  <c:v>44806</c:v>
                </c:pt>
                <c:pt idx="976">
                  <c:v>44807</c:v>
                </c:pt>
                <c:pt idx="977">
                  <c:v>44808</c:v>
                </c:pt>
                <c:pt idx="978">
                  <c:v>44809</c:v>
                </c:pt>
                <c:pt idx="979">
                  <c:v>44810</c:v>
                </c:pt>
                <c:pt idx="980">
                  <c:v>44811</c:v>
                </c:pt>
                <c:pt idx="981">
                  <c:v>44812</c:v>
                </c:pt>
                <c:pt idx="982">
                  <c:v>44813</c:v>
                </c:pt>
                <c:pt idx="983">
                  <c:v>44814</c:v>
                </c:pt>
                <c:pt idx="984">
                  <c:v>44815</c:v>
                </c:pt>
                <c:pt idx="985">
                  <c:v>44816</c:v>
                </c:pt>
                <c:pt idx="986">
                  <c:v>44817</c:v>
                </c:pt>
                <c:pt idx="987">
                  <c:v>44818</c:v>
                </c:pt>
                <c:pt idx="988">
                  <c:v>44819</c:v>
                </c:pt>
                <c:pt idx="989">
                  <c:v>44820</c:v>
                </c:pt>
                <c:pt idx="990">
                  <c:v>44821</c:v>
                </c:pt>
                <c:pt idx="991">
                  <c:v>44822</c:v>
                </c:pt>
                <c:pt idx="992">
                  <c:v>44823</c:v>
                </c:pt>
                <c:pt idx="993">
                  <c:v>44824</c:v>
                </c:pt>
                <c:pt idx="994">
                  <c:v>44825</c:v>
                </c:pt>
                <c:pt idx="995">
                  <c:v>44826</c:v>
                </c:pt>
                <c:pt idx="996">
                  <c:v>44827</c:v>
                </c:pt>
                <c:pt idx="997">
                  <c:v>44828</c:v>
                </c:pt>
                <c:pt idx="998">
                  <c:v>44829</c:v>
                </c:pt>
                <c:pt idx="999">
                  <c:v>44830</c:v>
                </c:pt>
                <c:pt idx="1000">
                  <c:v>44831</c:v>
                </c:pt>
                <c:pt idx="1001">
                  <c:v>44832</c:v>
                </c:pt>
                <c:pt idx="1002">
                  <c:v>44833</c:v>
                </c:pt>
                <c:pt idx="1003">
                  <c:v>44834</c:v>
                </c:pt>
                <c:pt idx="1004">
                  <c:v>44835</c:v>
                </c:pt>
                <c:pt idx="1005">
                  <c:v>44836</c:v>
                </c:pt>
                <c:pt idx="1006">
                  <c:v>44837</c:v>
                </c:pt>
                <c:pt idx="1007">
                  <c:v>44838</c:v>
                </c:pt>
                <c:pt idx="1008">
                  <c:v>44839</c:v>
                </c:pt>
                <c:pt idx="1009">
                  <c:v>44840</c:v>
                </c:pt>
                <c:pt idx="1010">
                  <c:v>44841</c:v>
                </c:pt>
                <c:pt idx="1011">
                  <c:v>44842</c:v>
                </c:pt>
                <c:pt idx="1012">
                  <c:v>44843</c:v>
                </c:pt>
                <c:pt idx="1013">
                  <c:v>44844</c:v>
                </c:pt>
                <c:pt idx="1014">
                  <c:v>44845</c:v>
                </c:pt>
                <c:pt idx="1015">
                  <c:v>44846</c:v>
                </c:pt>
                <c:pt idx="1016">
                  <c:v>44847</c:v>
                </c:pt>
                <c:pt idx="1017">
                  <c:v>44848</c:v>
                </c:pt>
                <c:pt idx="1018">
                  <c:v>44849</c:v>
                </c:pt>
                <c:pt idx="1019">
                  <c:v>44850</c:v>
                </c:pt>
                <c:pt idx="1020">
                  <c:v>44851</c:v>
                </c:pt>
                <c:pt idx="1021">
                  <c:v>44852</c:v>
                </c:pt>
                <c:pt idx="1022">
                  <c:v>44853</c:v>
                </c:pt>
                <c:pt idx="1023">
                  <c:v>44854</c:v>
                </c:pt>
                <c:pt idx="1024">
                  <c:v>44855</c:v>
                </c:pt>
                <c:pt idx="1025">
                  <c:v>44856</c:v>
                </c:pt>
                <c:pt idx="1026">
                  <c:v>44857</c:v>
                </c:pt>
                <c:pt idx="1027">
                  <c:v>44858</c:v>
                </c:pt>
                <c:pt idx="1028">
                  <c:v>44859</c:v>
                </c:pt>
                <c:pt idx="1029">
                  <c:v>44860</c:v>
                </c:pt>
                <c:pt idx="1030">
                  <c:v>44861</c:v>
                </c:pt>
                <c:pt idx="1031">
                  <c:v>44862</c:v>
                </c:pt>
                <c:pt idx="1032">
                  <c:v>44863</c:v>
                </c:pt>
                <c:pt idx="1033">
                  <c:v>44864</c:v>
                </c:pt>
                <c:pt idx="1034">
                  <c:v>44865</c:v>
                </c:pt>
                <c:pt idx="1035">
                  <c:v>44866</c:v>
                </c:pt>
                <c:pt idx="1036">
                  <c:v>44867</c:v>
                </c:pt>
                <c:pt idx="1037">
                  <c:v>44868</c:v>
                </c:pt>
                <c:pt idx="1038">
                  <c:v>44869</c:v>
                </c:pt>
                <c:pt idx="1039">
                  <c:v>44870</c:v>
                </c:pt>
                <c:pt idx="1040">
                  <c:v>44871</c:v>
                </c:pt>
                <c:pt idx="1041">
                  <c:v>44872</c:v>
                </c:pt>
                <c:pt idx="1042">
                  <c:v>44873</c:v>
                </c:pt>
                <c:pt idx="1043">
                  <c:v>44874</c:v>
                </c:pt>
                <c:pt idx="1044">
                  <c:v>44875</c:v>
                </c:pt>
                <c:pt idx="1045">
                  <c:v>44876</c:v>
                </c:pt>
                <c:pt idx="1046">
                  <c:v>44877</c:v>
                </c:pt>
                <c:pt idx="1047">
                  <c:v>44878</c:v>
                </c:pt>
                <c:pt idx="1048">
                  <c:v>44879</c:v>
                </c:pt>
                <c:pt idx="1049">
                  <c:v>44880</c:v>
                </c:pt>
              </c:numCache>
            </c:numRef>
          </c:cat>
          <c:val>
            <c:numRef>
              <c:f>'Swap Rates'!$B$3:$B$1052</c:f>
              <c:numCache>
                <c:formatCode>0.00</c:formatCode>
                <c:ptCount val="1050"/>
                <c:pt idx="0">
                  <c:v>1.5648556032818799</c:v>
                </c:pt>
                <c:pt idx="1">
                  <c:v>1.54847630580246</c:v>
                </c:pt>
                <c:pt idx="2">
                  <c:v>1.49283003308801</c:v>
                </c:pt>
                <c:pt idx="3">
                  <c:v>1.4928300334977</c:v>
                </c:pt>
                <c:pt idx="4">
                  <c:v>1.4928300339062901</c:v>
                </c:pt>
                <c:pt idx="5">
                  <c:v>1.48885034604245</c:v>
                </c:pt>
                <c:pt idx="6">
                  <c:v>1.49806289334191</c:v>
                </c:pt>
                <c:pt idx="7">
                  <c:v>1.5234909396361</c:v>
                </c:pt>
                <c:pt idx="8">
                  <c:v>1.52448833943552</c:v>
                </c:pt>
                <c:pt idx="9">
                  <c:v>1.5163140436926399</c:v>
                </c:pt>
                <c:pt idx="10">
                  <c:v>1.5163140440718701</c:v>
                </c:pt>
                <c:pt idx="11">
                  <c:v>1.51631404445009</c:v>
                </c:pt>
                <c:pt idx="12">
                  <c:v>1.52949225175672</c:v>
                </c:pt>
                <c:pt idx="13">
                  <c:v>1.52326261211934</c:v>
                </c:pt>
                <c:pt idx="14">
                  <c:v>1.5143217437387799</c:v>
                </c:pt>
                <c:pt idx="15">
                  <c:v>1.52105170591193</c:v>
                </c:pt>
                <c:pt idx="16">
                  <c:v>1.53147514379785</c:v>
                </c:pt>
                <c:pt idx="17">
                  <c:v>1.5314751442946799</c:v>
                </c:pt>
                <c:pt idx="18">
                  <c:v>1.53147514479013</c:v>
                </c:pt>
                <c:pt idx="19">
                  <c:v>1.53146826199941</c:v>
                </c:pt>
                <c:pt idx="20">
                  <c:v>1.4939974047611899</c:v>
                </c:pt>
                <c:pt idx="21">
                  <c:v>1.4883173708727999</c:v>
                </c:pt>
                <c:pt idx="22">
                  <c:v>1.46794620469834</c:v>
                </c:pt>
                <c:pt idx="23">
                  <c:v>1.4438769101731099</c:v>
                </c:pt>
                <c:pt idx="24">
                  <c:v>1.4438769105123399</c:v>
                </c:pt>
                <c:pt idx="25">
                  <c:v>1.4438769108509</c:v>
                </c:pt>
                <c:pt idx="26">
                  <c:v>1.37765836062161</c:v>
                </c:pt>
                <c:pt idx="27">
                  <c:v>1.4144772766846301</c:v>
                </c:pt>
                <c:pt idx="28">
                  <c:v>1.37255631514356</c:v>
                </c:pt>
                <c:pt idx="29">
                  <c:v>1.3642717879509101</c:v>
                </c:pt>
                <c:pt idx="30">
                  <c:v>1.28976382770009</c:v>
                </c:pt>
                <c:pt idx="31">
                  <c:v>1.28976382768043</c:v>
                </c:pt>
                <c:pt idx="32">
                  <c:v>1.2897638276617001</c:v>
                </c:pt>
                <c:pt idx="33">
                  <c:v>1.3188605244534299</c:v>
                </c:pt>
                <c:pt idx="34">
                  <c:v>1.38175515775366</c:v>
                </c:pt>
                <c:pt idx="35">
                  <c:v>1.4145953569702101</c:v>
                </c:pt>
                <c:pt idx="36">
                  <c:v>1.4209317986752299</c:v>
                </c:pt>
                <c:pt idx="37">
                  <c:v>1.3747554897151799</c:v>
                </c:pt>
                <c:pt idx="38">
                  <c:v>1.37475548992089</c:v>
                </c:pt>
                <c:pt idx="39">
                  <c:v>1.37475549012648</c:v>
                </c:pt>
                <c:pt idx="40">
                  <c:v>1.3414879736854699</c:v>
                </c:pt>
                <c:pt idx="41">
                  <c:v>1.3660676045626701</c:v>
                </c:pt>
                <c:pt idx="42">
                  <c:v>1.3971165527899501</c:v>
                </c:pt>
                <c:pt idx="43">
                  <c:v>1.3866816077742901</c:v>
                </c:pt>
                <c:pt idx="44">
                  <c:v>1.37520677314414</c:v>
                </c:pt>
                <c:pt idx="45">
                  <c:v>1.3752067732102</c:v>
                </c:pt>
                <c:pt idx="46">
                  <c:v>1.3752067732765201</c:v>
                </c:pt>
                <c:pt idx="47">
                  <c:v>1.3752016020044</c:v>
                </c:pt>
                <c:pt idx="48">
                  <c:v>1.3456128121764599</c:v>
                </c:pt>
                <c:pt idx="49">
                  <c:v>1.36202043589926</c:v>
                </c:pt>
                <c:pt idx="50">
                  <c:v>1.33075263491872</c:v>
                </c:pt>
                <c:pt idx="51">
                  <c:v>1.2771092323765301</c:v>
                </c:pt>
                <c:pt idx="52">
                  <c:v>1.27710923235045</c:v>
                </c:pt>
                <c:pt idx="53">
                  <c:v>1.2771092323251401</c:v>
                </c:pt>
                <c:pt idx="54">
                  <c:v>1.1848784318107799</c:v>
                </c:pt>
                <c:pt idx="55">
                  <c:v>1.1495632888697001</c:v>
                </c:pt>
                <c:pt idx="56">
                  <c:v>1.13225185683331</c:v>
                </c:pt>
                <c:pt idx="57">
                  <c:v>1.0380675327367399</c:v>
                </c:pt>
                <c:pt idx="58">
                  <c:v>0.86988380457777603</c:v>
                </c:pt>
                <c:pt idx="59">
                  <c:v>0.869883803045302</c:v>
                </c:pt>
                <c:pt idx="60">
                  <c:v>0.86988380151919997</c:v>
                </c:pt>
                <c:pt idx="61">
                  <c:v>0.87763831228357403</c:v>
                </c:pt>
                <c:pt idx="62">
                  <c:v>0.66392107071834305</c:v>
                </c:pt>
                <c:pt idx="63">
                  <c:v>0.63064642378234603</c:v>
                </c:pt>
                <c:pt idx="64">
                  <c:v>0.54194033672028397</c:v>
                </c:pt>
                <c:pt idx="65">
                  <c:v>0.52191695907325397</c:v>
                </c:pt>
                <c:pt idx="66">
                  <c:v>0.52191695858561904</c:v>
                </c:pt>
                <c:pt idx="67">
                  <c:v>0.52191695809983796</c:v>
                </c:pt>
                <c:pt idx="68">
                  <c:v>0.386613661048679</c:v>
                </c:pt>
                <c:pt idx="69">
                  <c:v>0.48252872542781899</c:v>
                </c:pt>
                <c:pt idx="70">
                  <c:v>0.39940182355861498</c:v>
                </c:pt>
                <c:pt idx="71">
                  <c:v>0.38335481915295599</c:v>
                </c:pt>
                <c:pt idx="72">
                  <c:v>0.43850660807757702</c:v>
                </c:pt>
                <c:pt idx="73">
                  <c:v>0.43850660785116702</c:v>
                </c:pt>
                <c:pt idx="74">
                  <c:v>0.43850660762572902</c:v>
                </c:pt>
                <c:pt idx="75">
                  <c:v>0.36328356984853499</c:v>
                </c:pt>
                <c:pt idx="76">
                  <c:v>0.47846590384812598</c:v>
                </c:pt>
                <c:pt idx="77">
                  <c:v>0.44719286104091799</c:v>
                </c:pt>
                <c:pt idx="78">
                  <c:v>0.484006404364557</c:v>
                </c:pt>
                <c:pt idx="79">
                  <c:v>0.37800571517670101</c:v>
                </c:pt>
                <c:pt idx="80">
                  <c:v>0.37800571531088101</c:v>
                </c:pt>
                <c:pt idx="81">
                  <c:v>0.378005715444724</c:v>
                </c:pt>
                <c:pt idx="82">
                  <c:v>0.33433006019818601</c:v>
                </c:pt>
                <c:pt idx="83">
                  <c:v>0.37925883220912798</c:v>
                </c:pt>
                <c:pt idx="84">
                  <c:v>0.375644559800827</c:v>
                </c:pt>
                <c:pt idx="85">
                  <c:v>0.340288507944221</c:v>
                </c:pt>
                <c:pt idx="86">
                  <c:v>0.323847895840221</c:v>
                </c:pt>
                <c:pt idx="87">
                  <c:v>0.32384789572998302</c:v>
                </c:pt>
                <c:pt idx="88">
                  <c:v>0.32384789562056598</c:v>
                </c:pt>
                <c:pt idx="89">
                  <c:v>0.31567896163419401</c:v>
                </c:pt>
                <c:pt idx="90">
                  <c:v>0.29417393091732802</c:v>
                </c:pt>
                <c:pt idx="91">
                  <c:v>0.29789929074087301</c:v>
                </c:pt>
                <c:pt idx="92">
                  <c:v>0.29492557875667003</c:v>
                </c:pt>
                <c:pt idx="93">
                  <c:v>0.29965290498974501</c:v>
                </c:pt>
                <c:pt idx="94">
                  <c:v>0.29965290520029503</c:v>
                </c:pt>
                <c:pt idx="95">
                  <c:v>0.29965290541011302</c:v>
                </c:pt>
                <c:pt idx="96">
                  <c:v>0.31805636444712898</c:v>
                </c:pt>
                <c:pt idx="97">
                  <c:v>0.33619252265268501</c:v>
                </c:pt>
                <c:pt idx="98">
                  <c:v>0.317333733460537</c:v>
                </c:pt>
                <c:pt idx="99">
                  <c:v>0.28867814112746398</c:v>
                </c:pt>
                <c:pt idx="100">
                  <c:v>0.29466952753388198</c:v>
                </c:pt>
                <c:pt idx="101">
                  <c:v>0.29466952785006401</c:v>
                </c:pt>
                <c:pt idx="102">
                  <c:v>0.29466952816528302</c:v>
                </c:pt>
                <c:pt idx="103">
                  <c:v>0.29870018093377199</c:v>
                </c:pt>
                <c:pt idx="104">
                  <c:v>0.27737022211648998</c:v>
                </c:pt>
                <c:pt idx="105">
                  <c:v>0.25720332852361999</c:v>
                </c:pt>
                <c:pt idx="106">
                  <c:v>0.253055822908824</c:v>
                </c:pt>
                <c:pt idx="107">
                  <c:v>0.24798372037961799</c:v>
                </c:pt>
                <c:pt idx="108">
                  <c:v>0.24798372043368699</c:v>
                </c:pt>
                <c:pt idx="109">
                  <c:v>0.24798372048746201</c:v>
                </c:pt>
                <c:pt idx="110">
                  <c:v>0.247645852054967</c:v>
                </c:pt>
                <c:pt idx="111">
                  <c:v>0.23624151509324701</c:v>
                </c:pt>
                <c:pt idx="112">
                  <c:v>0.22666930874918401</c:v>
                </c:pt>
                <c:pt idx="113">
                  <c:v>0.21813575337829599</c:v>
                </c:pt>
                <c:pt idx="114">
                  <c:v>0.22134655670589301</c:v>
                </c:pt>
                <c:pt idx="115">
                  <c:v>0.22134655687732299</c:v>
                </c:pt>
                <c:pt idx="116">
                  <c:v>0.22134655704801101</c:v>
                </c:pt>
                <c:pt idx="117">
                  <c:v>0.22613018326853301</c:v>
                </c:pt>
                <c:pt idx="118">
                  <c:v>0.21498634459305699</c:v>
                </c:pt>
                <c:pt idx="119">
                  <c:v>0.207417331110169</c:v>
                </c:pt>
                <c:pt idx="120">
                  <c:v>0.205561679869118</c:v>
                </c:pt>
                <c:pt idx="121">
                  <c:v>0.21828295579684701</c:v>
                </c:pt>
                <c:pt idx="122">
                  <c:v>0.21828295578345699</c:v>
                </c:pt>
                <c:pt idx="123">
                  <c:v>0.21828295577009699</c:v>
                </c:pt>
                <c:pt idx="124">
                  <c:v>0.19530345163530199</c:v>
                </c:pt>
                <c:pt idx="125">
                  <c:v>0.19304174453029099</c:v>
                </c:pt>
                <c:pt idx="126">
                  <c:v>0.174784864320606</c:v>
                </c:pt>
                <c:pt idx="127">
                  <c:v>0.120326848458482</c:v>
                </c:pt>
                <c:pt idx="128">
                  <c:v>0.134886212261597</c:v>
                </c:pt>
                <c:pt idx="129">
                  <c:v>0.134886212219158</c:v>
                </c:pt>
                <c:pt idx="130">
                  <c:v>0.13488621217695301</c:v>
                </c:pt>
                <c:pt idx="131">
                  <c:v>0.144343774865615</c:v>
                </c:pt>
                <c:pt idx="132">
                  <c:v>0.14658175126880699</c:v>
                </c:pt>
                <c:pt idx="133">
                  <c:v>0.149880847261331</c:v>
                </c:pt>
                <c:pt idx="134">
                  <c:v>0.140385334707163</c:v>
                </c:pt>
                <c:pt idx="135">
                  <c:v>0.14199225560652201</c:v>
                </c:pt>
                <c:pt idx="136">
                  <c:v>0.14199225559470199</c:v>
                </c:pt>
                <c:pt idx="137">
                  <c:v>0.14199225558291001</c:v>
                </c:pt>
                <c:pt idx="138">
                  <c:v>0.16524081176867</c:v>
                </c:pt>
                <c:pt idx="139">
                  <c:v>0.15352005497997601</c:v>
                </c:pt>
                <c:pt idx="140">
                  <c:v>0.15308882274694499</c:v>
                </c:pt>
                <c:pt idx="141">
                  <c:v>0.15862087413883599</c:v>
                </c:pt>
                <c:pt idx="142">
                  <c:v>0.16204887945378901</c:v>
                </c:pt>
                <c:pt idx="143">
                  <c:v>0.16204887950481001</c:v>
                </c:pt>
                <c:pt idx="144">
                  <c:v>0.162048879555655</c:v>
                </c:pt>
                <c:pt idx="145">
                  <c:v>0.162048879606288</c:v>
                </c:pt>
                <c:pt idx="146">
                  <c:v>0.15902934498479601</c:v>
                </c:pt>
                <c:pt idx="147">
                  <c:v>0.16202714638966301</c:v>
                </c:pt>
                <c:pt idx="148">
                  <c:v>0.16151166778173801</c:v>
                </c:pt>
                <c:pt idx="149">
                  <c:v>0.147298973914469</c:v>
                </c:pt>
                <c:pt idx="150">
                  <c:v>0.14729897399477301</c:v>
                </c:pt>
                <c:pt idx="151">
                  <c:v>0.147298974074865</c:v>
                </c:pt>
                <c:pt idx="152">
                  <c:v>0.14506813116089901</c:v>
                </c:pt>
                <c:pt idx="153">
                  <c:v>0.147063378044205</c:v>
                </c:pt>
                <c:pt idx="154">
                  <c:v>0.16527953612090099</c:v>
                </c:pt>
                <c:pt idx="155">
                  <c:v>0.16977478021297199</c:v>
                </c:pt>
                <c:pt idx="156">
                  <c:v>0.194286228648682</c:v>
                </c:pt>
                <c:pt idx="157">
                  <c:v>0.19428622875466001</c:v>
                </c:pt>
                <c:pt idx="158">
                  <c:v>0.19428622886026201</c:v>
                </c:pt>
                <c:pt idx="159">
                  <c:v>0.20201325973360401</c:v>
                </c:pt>
                <c:pt idx="160">
                  <c:v>0.18979820450999099</c:v>
                </c:pt>
                <c:pt idx="161">
                  <c:v>0.16485326697453401</c:v>
                </c:pt>
                <c:pt idx="162">
                  <c:v>0.17541755606199899</c:v>
                </c:pt>
                <c:pt idx="163">
                  <c:v>0.17038353403470599</c:v>
                </c:pt>
                <c:pt idx="164">
                  <c:v>0.17038353403074999</c:v>
                </c:pt>
                <c:pt idx="165">
                  <c:v>0.17038353402676501</c:v>
                </c:pt>
                <c:pt idx="166">
                  <c:v>0.17018636365588499</c:v>
                </c:pt>
                <c:pt idx="167">
                  <c:v>0.174419326754332</c:v>
                </c:pt>
                <c:pt idx="168">
                  <c:v>0.16742227353311301</c:v>
                </c:pt>
                <c:pt idx="169">
                  <c:v>0.164689504471693</c:v>
                </c:pt>
                <c:pt idx="170">
                  <c:v>0.164189768588268</c:v>
                </c:pt>
                <c:pt idx="171">
                  <c:v>0.16418976862687801</c:v>
                </c:pt>
                <c:pt idx="172">
                  <c:v>0.16418976866531601</c:v>
                </c:pt>
                <c:pt idx="173">
                  <c:v>0.162191911016449</c:v>
                </c:pt>
                <c:pt idx="174">
                  <c:v>0.16092799843712</c:v>
                </c:pt>
                <c:pt idx="175">
                  <c:v>0.15742787067198799</c:v>
                </c:pt>
                <c:pt idx="176">
                  <c:v>0.15569174167014699</c:v>
                </c:pt>
                <c:pt idx="177">
                  <c:v>0.141866852418742</c:v>
                </c:pt>
                <c:pt idx="178">
                  <c:v>0.14186685243137301</c:v>
                </c:pt>
                <c:pt idx="179">
                  <c:v>0.14186685244401701</c:v>
                </c:pt>
                <c:pt idx="180">
                  <c:v>0.12937260198873399</c:v>
                </c:pt>
                <c:pt idx="181">
                  <c:v>0.12991131476352899</c:v>
                </c:pt>
                <c:pt idx="182">
                  <c:v>0.13640508851608299</c:v>
                </c:pt>
                <c:pt idx="183">
                  <c:v>0.13163906712588599</c:v>
                </c:pt>
                <c:pt idx="184">
                  <c:v>0.124644380945708</c:v>
                </c:pt>
                <c:pt idx="185">
                  <c:v>0.124644380894722</c:v>
                </c:pt>
                <c:pt idx="186">
                  <c:v>0.124644380843929</c:v>
                </c:pt>
                <c:pt idx="187">
                  <c:v>0.13094215847316501</c:v>
                </c:pt>
                <c:pt idx="188">
                  <c:v>0.12648284828247799</c:v>
                </c:pt>
                <c:pt idx="189">
                  <c:v>0.12721379725451701</c:v>
                </c:pt>
                <c:pt idx="190">
                  <c:v>0.12598070690531901</c:v>
                </c:pt>
                <c:pt idx="191">
                  <c:v>0.12621369150120801</c:v>
                </c:pt>
                <c:pt idx="192">
                  <c:v>0.12621369140605099</c:v>
                </c:pt>
                <c:pt idx="193">
                  <c:v>0.126213691311332</c:v>
                </c:pt>
                <c:pt idx="194">
                  <c:v>0.130710668367329</c:v>
                </c:pt>
                <c:pt idx="195">
                  <c:v>0.13144561073404301</c:v>
                </c:pt>
                <c:pt idx="196">
                  <c:v>0.134441838767283</c:v>
                </c:pt>
                <c:pt idx="197">
                  <c:v>0.13171012230639401</c:v>
                </c:pt>
                <c:pt idx="198">
                  <c:v>0.13071049458723899</c:v>
                </c:pt>
                <c:pt idx="199">
                  <c:v>0.13071049445594199</c:v>
                </c:pt>
                <c:pt idx="200">
                  <c:v>0.13071049432518</c:v>
                </c:pt>
                <c:pt idx="201">
                  <c:v>0.127711126443044</c:v>
                </c:pt>
                <c:pt idx="202">
                  <c:v>0.123253089013654</c:v>
                </c:pt>
                <c:pt idx="203">
                  <c:v>0.12424937892599799</c:v>
                </c:pt>
                <c:pt idx="204">
                  <c:v>0.12328374456996</c:v>
                </c:pt>
                <c:pt idx="205">
                  <c:v>0.12714120823105299</c:v>
                </c:pt>
                <c:pt idx="206">
                  <c:v>0.12714120815698501</c:v>
                </c:pt>
                <c:pt idx="207">
                  <c:v>0.12714120808329701</c:v>
                </c:pt>
                <c:pt idx="208">
                  <c:v>0.135973054392939</c:v>
                </c:pt>
                <c:pt idx="209">
                  <c:v>0.13381274801302501</c:v>
                </c:pt>
                <c:pt idx="210">
                  <c:v>0.118440793933879</c:v>
                </c:pt>
                <c:pt idx="211">
                  <c:v>0.10912919501733601</c:v>
                </c:pt>
                <c:pt idx="212">
                  <c:v>0.104667279981772</c:v>
                </c:pt>
                <c:pt idx="213">
                  <c:v>0.10466727983211201</c:v>
                </c:pt>
                <c:pt idx="214">
                  <c:v>0.104667279683009</c:v>
                </c:pt>
                <c:pt idx="215">
                  <c:v>0.108665251880023</c:v>
                </c:pt>
                <c:pt idx="216">
                  <c:v>0.106668938838235</c:v>
                </c:pt>
                <c:pt idx="217">
                  <c:v>0.116661135213314</c:v>
                </c:pt>
                <c:pt idx="218">
                  <c:v>0.12065687259848799</c:v>
                </c:pt>
                <c:pt idx="219">
                  <c:v>0.13464859392043799</c:v>
                </c:pt>
                <c:pt idx="220">
                  <c:v>0.134648593835241</c:v>
                </c:pt>
                <c:pt idx="221">
                  <c:v>0.134648593750364</c:v>
                </c:pt>
                <c:pt idx="222">
                  <c:v>0.13937808980038299</c:v>
                </c:pt>
                <c:pt idx="223">
                  <c:v>0.147571863193526</c:v>
                </c:pt>
                <c:pt idx="224">
                  <c:v>0.15053166059051701</c:v>
                </c:pt>
                <c:pt idx="225">
                  <c:v>0.15702573053216301</c:v>
                </c:pt>
                <c:pt idx="226">
                  <c:v>0.15076183240764901</c:v>
                </c:pt>
                <c:pt idx="227">
                  <c:v>0.15076183235207799</c:v>
                </c:pt>
                <c:pt idx="228">
                  <c:v>0.15076183229670101</c:v>
                </c:pt>
                <c:pt idx="229">
                  <c:v>0.14276695841697501</c:v>
                </c:pt>
                <c:pt idx="230">
                  <c:v>0.133775653566578</c:v>
                </c:pt>
                <c:pt idx="231">
                  <c:v>0.135808014320005</c:v>
                </c:pt>
                <c:pt idx="232">
                  <c:v>0.13530669777808399</c:v>
                </c:pt>
                <c:pt idx="233">
                  <c:v>0.136307012188771</c:v>
                </c:pt>
                <c:pt idx="234">
                  <c:v>0.13630701208482399</c:v>
                </c:pt>
                <c:pt idx="235">
                  <c:v>0.13630701198119599</c:v>
                </c:pt>
                <c:pt idx="236">
                  <c:v>0.13934011884771699</c:v>
                </c:pt>
                <c:pt idx="237">
                  <c:v>0.14707111048285301</c:v>
                </c:pt>
                <c:pt idx="238">
                  <c:v>0.150414903604806</c:v>
                </c:pt>
                <c:pt idx="239">
                  <c:v>0.16302065984816699</c:v>
                </c:pt>
                <c:pt idx="240">
                  <c:v>0.14153553361701199</c:v>
                </c:pt>
                <c:pt idx="241">
                  <c:v>0.14153553358072901</c:v>
                </c:pt>
                <c:pt idx="242">
                  <c:v>0.14153553354458101</c:v>
                </c:pt>
                <c:pt idx="243">
                  <c:v>0.13553958503579899</c:v>
                </c:pt>
                <c:pt idx="244">
                  <c:v>0.13454297720268599</c:v>
                </c:pt>
                <c:pt idx="245">
                  <c:v>0.14153694458978899</c:v>
                </c:pt>
                <c:pt idx="246">
                  <c:v>0.13653921366893501</c:v>
                </c:pt>
                <c:pt idx="247">
                  <c:v>0.147531308832032</c:v>
                </c:pt>
                <c:pt idx="248">
                  <c:v>0.14753130880623999</c:v>
                </c:pt>
                <c:pt idx="249">
                  <c:v>0.14753130878050499</c:v>
                </c:pt>
                <c:pt idx="250">
                  <c:v>0.147531341075158</c:v>
                </c:pt>
                <c:pt idx="251">
                  <c:v>0.14103929177215299</c:v>
                </c:pt>
                <c:pt idx="252">
                  <c:v>0.142037084104149</c:v>
                </c:pt>
                <c:pt idx="253">
                  <c:v>0.136539093272072</c:v>
                </c:pt>
                <c:pt idx="254">
                  <c:v>0.12477788991122001</c:v>
                </c:pt>
                <c:pt idx="255">
                  <c:v>0.124777889868624</c:v>
                </c:pt>
                <c:pt idx="256">
                  <c:v>0.124777889826179</c:v>
                </c:pt>
                <c:pt idx="257">
                  <c:v>0.13077459283807499</c:v>
                </c:pt>
                <c:pt idx="258">
                  <c:v>0.13300788878300701</c:v>
                </c:pt>
                <c:pt idx="259">
                  <c:v>0.12900767547001801</c:v>
                </c:pt>
                <c:pt idx="260">
                  <c:v>0.12804209127871599</c:v>
                </c:pt>
                <c:pt idx="261">
                  <c:v>0.13730307208364001</c:v>
                </c:pt>
                <c:pt idx="262">
                  <c:v>0.13730307206011799</c:v>
                </c:pt>
                <c:pt idx="263">
                  <c:v>0.137303072036697</c:v>
                </c:pt>
                <c:pt idx="264">
                  <c:v>0.13430633498658401</c:v>
                </c:pt>
                <c:pt idx="265">
                  <c:v>0.130544253666977</c:v>
                </c:pt>
                <c:pt idx="266">
                  <c:v>0.13650283171425201</c:v>
                </c:pt>
                <c:pt idx="267">
                  <c:v>0.13953772914478599</c:v>
                </c:pt>
                <c:pt idx="268">
                  <c:v>0.134129891668989</c:v>
                </c:pt>
                <c:pt idx="269">
                  <c:v>0.13412989164559699</c:v>
                </c:pt>
                <c:pt idx="270">
                  <c:v>0.13412989162228101</c:v>
                </c:pt>
                <c:pt idx="271">
                  <c:v>0.13650066217528301</c:v>
                </c:pt>
                <c:pt idx="272">
                  <c:v>0.133005971045387</c:v>
                </c:pt>
                <c:pt idx="273">
                  <c:v>0.13400321051949299</c:v>
                </c:pt>
                <c:pt idx="274">
                  <c:v>0.13450133636865499</c:v>
                </c:pt>
                <c:pt idx="275">
                  <c:v>0.13350205672885501</c:v>
                </c:pt>
                <c:pt idx="276">
                  <c:v>0.13350205672054599</c:v>
                </c:pt>
                <c:pt idx="277">
                  <c:v>0.13350205671222801</c:v>
                </c:pt>
                <c:pt idx="278">
                  <c:v>0.145029216600953</c:v>
                </c:pt>
                <c:pt idx="279">
                  <c:v>0.15052802020095399</c:v>
                </c:pt>
                <c:pt idx="280">
                  <c:v>0.15398826794828499</c:v>
                </c:pt>
                <c:pt idx="281">
                  <c:v>0.147222872915792</c:v>
                </c:pt>
                <c:pt idx="282">
                  <c:v>0.15071970137769899</c:v>
                </c:pt>
                <c:pt idx="283">
                  <c:v>0.15071970136113</c:v>
                </c:pt>
                <c:pt idx="284">
                  <c:v>0.15071970134460499</c:v>
                </c:pt>
                <c:pt idx="285">
                  <c:v>0.15071967100800401</c:v>
                </c:pt>
                <c:pt idx="286">
                  <c:v>0.14322933010490199</c:v>
                </c:pt>
                <c:pt idx="287">
                  <c:v>0.142496201301929</c:v>
                </c:pt>
                <c:pt idx="288">
                  <c:v>0.14349334627763999</c:v>
                </c:pt>
                <c:pt idx="289">
                  <c:v>0.143760680281732</c:v>
                </c:pt>
                <c:pt idx="290">
                  <c:v>0.14376068026577299</c:v>
                </c:pt>
                <c:pt idx="291">
                  <c:v>0.14376068024986099</c:v>
                </c:pt>
                <c:pt idx="292">
                  <c:v>0.14525941729483499</c:v>
                </c:pt>
                <c:pt idx="293">
                  <c:v>0.146530616711572</c:v>
                </c:pt>
                <c:pt idx="294">
                  <c:v>0.146028821222524</c:v>
                </c:pt>
                <c:pt idx="295">
                  <c:v>0.15402076896952799</c:v>
                </c:pt>
                <c:pt idx="296">
                  <c:v>0.153021754836101</c:v>
                </c:pt>
                <c:pt idx="297">
                  <c:v>0.153021754844851</c:v>
                </c:pt>
                <c:pt idx="298">
                  <c:v>0.15302175485362801</c:v>
                </c:pt>
                <c:pt idx="299">
                  <c:v>0.149816831011885</c:v>
                </c:pt>
                <c:pt idx="300">
                  <c:v>0.14811944732949001</c:v>
                </c:pt>
                <c:pt idx="301">
                  <c:v>0.14923460486895901</c:v>
                </c:pt>
                <c:pt idx="302">
                  <c:v>0.151293035415525</c:v>
                </c:pt>
                <c:pt idx="303">
                  <c:v>0.15302397280643501</c:v>
                </c:pt>
                <c:pt idx="304">
                  <c:v>0.15302397281222199</c:v>
                </c:pt>
                <c:pt idx="305">
                  <c:v>0.15302397281792801</c:v>
                </c:pt>
                <c:pt idx="306">
                  <c:v>0.152023777647596</c:v>
                </c:pt>
                <c:pt idx="307">
                  <c:v>0.15775499307250099</c:v>
                </c:pt>
                <c:pt idx="308">
                  <c:v>0.14676246740906199</c:v>
                </c:pt>
                <c:pt idx="309">
                  <c:v>0.146259954448131</c:v>
                </c:pt>
                <c:pt idx="310">
                  <c:v>0.15275441001679099</c:v>
                </c:pt>
                <c:pt idx="311">
                  <c:v>0.15275441001904499</c:v>
                </c:pt>
                <c:pt idx="312">
                  <c:v>0.15275441002125201</c:v>
                </c:pt>
                <c:pt idx="313">
                  <c:v>0.16724080965864199</c:v>
                </c:pt>
                <c:pt idx="314">
                  <c:v>0.176005244841828</c:v>
                </c:pt>
                <c:pt idx="315">
                  <c:v>0.17600384361840199</c:v>
                </c:pt>
                <c:pt idx="316">
                  <c:v>0.174505350921691</c:v>
                </c:pt>
                <c:pt idx="317">
                  <c:v>0.176734336436252</c:v>
                </c:pt>
                <c:pt idx="318">
                  <c:v>0.176734336448477</c:v>
                </c:pt>
                <c:pt idx="319">
                  <c:v>0.176734336460731</c:v>
                </c:pt>
                <c:pt idx="320">
                  <c:v>0.17773386524624099</c:v>
                </c:pt>
                <c:pt idx="321">
                  <c:v>0.17374064630505701</c:v>
                </c:pt>
                <c:pt idx="322">
                  <c:v>0.17327477763742499</c:v>
                </c:pt>
                <c:pt idx="323">
                  <c:v>0.17561239940157</c:v>
                </c:pt>
                <c:pt idx="324">
                  <c:v>0.17488143661033601</c:v>
                </c:pt>
                <c:pt idx="325">
                  <c:v>0.174881436622531</c:v>
                </c:pt>
                <c:pt idx="326">
                  <c:v>0.17488143663477099</c:v>
                </c:pt>
                <c:pt idx="327">
                  <c:v>0.17588055848690001</c:v>
                </c:pt>
                <c:pt idx="328">
                  <c:v>0.177078276323968</c:v>
                </c:pt>
                <c:pt idx="329">
                  <c:v>0.17557828707121401</c:v>
                </c:pt>
                <c:pt idx="330">
                  <c:v>0.175576844909764</c:v>
                </c:pt>
                <c:pt idx="331">
                  <c:v>0.17207934594251201</c:v>
                </c:pt>
                <c:pt idx="332">
                  <c:v>0.1720793459394</c:v>
                </c:pt>
                <c:pt idx="333">
                  <c:v>0.17207934593637</c:v>
                </c:pt>
                <c:pt idx="334">
                  <c:v>0.16983082516221401</c:v>
                </c:pt>
                <c:pt idx="335">
                  <c:v>0.18059180345296599</c:v>
                </c:pt>
                <c:pt idx="336">
                  <c:v>0.17659360260344301</c:v>
                </c:pt>
                <c:pt idx="337">
                  <c:v>0.17336120189937701</c:v>
                </c:pt>
                <c:pt idx="338">
                  <c:v>0.17236039885504501</c:v>
                </c:pt>
                <c:pt idx="339">
                  <c:v>0.172360398870155</c:v>
                </c:pt>
                <c:pt idx="340">
                  <c:v>0.172360398885094</c:v>
                </c:pt>
                <c:pt idx="341">
                  <c:v>0.167633264930791</c:v>
                </c:pt>
                <c:pt idx="342">
                  <c:v>0.172898880330008</c:v>
                </c:pt>
                <c:pt idx="343">
                  <c:v>0.17246870584344101</c:v>
                </c:pt>
                <c:pt idx="344">
                  <c:v>0.16377727592507699</c:v>
                </c:pt>
                <c:pt idx="345">
                  <c:v>0.14782301558529801</c:v>
                </c:pt>
                <c:pt idx="346">
                  <c:v>0.14782301559515101</c:v>
                </c:pt>
                <c:pt idx="347">
                  <c:v>0.14782301560493999</c:v>
                </c:pt>
                <c:pt idx="348">
                  <c:v>0.151320397452403</c:v>
                </c:pt>
                <c:pt idx="349">
                  <c:v>0.15758731887126201</c:v>
                </c:pt>
                <c:pt idx="350">
                  <c:v>0.15451698250717</c:v>
                </c:pt>
                <c:pt idx="351">
                  <c:v>0.15928099506916599</c:v>
                </c:pt>
                <c:pt idx="352">
                  <c:v>0.15755014281299101</c:v>
                </c:pt>
                <c:pt idx="353">
                  <c:v>0.157550142830018</c:v>
                </c:pt>
                <c:pt idx="354">
                  <c:v>0.15755014284701899</c:v>
                </c:pt>
                <c:pt idx="355">
                  <c:v>0.15728249229479699</c:v>
                </c:pt>
                <c:pt idx="356">
                  <c:v>0.15478733305110401</c:v>
                </c:pt>
                <c:pt idx="357">
                  <c:v>0.15934978442192099</c:v>
                </c:pt>
                <c:pt idx="358">
                  <c:v>0.15451694870365201</c:v>
                </c:pt>
                <c:pt idx="359">
                  <c:v>0.15451694871180499</c:v>
                </c:pt>
                <c:pt idx="360">
                  <c:v>0.154516948719925</c:v>
                </c:pt>
                <c:pt idx="361">
                  <c:v>0.154516948728014</c:v>
                </c:pt>
                <c:pt idx="362">
                  <c:v>0.157514680314638</c:v>
                </c:pt>
                <c:pt idx="363">
                  <c:v>0.15518840726105801</c:v>
                </c:pt>
                <c:pt idx="364">
                  <c:v>0.14821522951448901</c:v>
                </c:pt>
                <c:pt idx="365">
                  <c:v>0.14421871493871399</c:v>
                </c:pt>
                <c:pt idx="366">
                  <c:v>0.144218714945821</c:v>
                </c:pt>
                <c:pt idx="367">
                  <c:v>0.144218714952908</c:v>
                </c:pt>
                <c:pt idx="368">
                  <c:v>0.144218714959927</c:v>
                </c:pt>
                <c:pt idx="369">
                  <c:v>0.136454868001645</c:v>
                </c:pt>
                <c:pt idx="370">
                  <c:v>0.13568925663332199</c:v>
                </c:pt>
                <c:pt idx="371">
                  <c:v>0.14587787385847401</c:v>
                </c:pt>
                <c:pt idx="372">
                  <c:v>0.152139538849934</c:v>
                </c:pt>
                <c:pt idx="373">
                  <c:v>0.15486976890177501</c:v>
                </c:pt>
                <c:pt idx="374">
                  <c:v>0.15486976893271601</c:v>
                </c:pt>
                <c:pt idx="375">
                  <c:v>0.15486976896349799</c:v>
                </c:pt>
                <c:pt idx="376">
                  <c:v>0.155600708050564</c:v>
                </c:pt>
                <c:pt idx="377">
                  <c:v>0.15956489370601601</c:v>
                </c:pt>
                <c:pt idx="378">
                  <c:v>0.152301468683056</c:v>
                </c:pt>
                <c:pt idx="379">
                  <c:v>0.14857130028903801</c:v>
                </c:pt>
                <c:pt idx="380">
                  <c:v>0.14157526279109101</c:v>
                </c:pt>
                <c:pt idx="381">
                  <c:v>0.141575262801517</c:v>
                </c:pt>
                <c:pt idx="382">
                  <c:v>0.14157526281199601</c:v>
                </c:pt>
                <c:pt idx="383">
                  <c:v>0.14157525819129699</c:v>
                </c:pt>
                <c:pt idx="384">
                  <c:v>0.140578073680484</c:v>
                </c:pt>
                <c:pt idx="385">
                  <c:v>0.14307621138374901</c:v>
                </c:pt>
                <c:pt idx="386">
                  <c:v>0.13807809177546801</c:v>
                </c:pt>
                <c:pt idx="387">
                  <c:v>0.13911400267254101</c:v>
                </c:pt>
                <c:pt idx="388">
                  <c:v>0.139114002684399</c:v>
                </c:pt>
                <c:pt idx="389">
                  <c:v>0.13911400269614199</c:v>
                </c:pt>
                <c:pt idx="390">
                  <c:v>0.13761516881859301</c:v>
                </c:pt>
                <c:pt idx="391">
                  <c:v>0.13842439319283201</c:v>
                </c:pt>
                <c:pt idx="392">
                  <c:v>0.13383071168437199</c:v>
                </c:pt>
                <c:pt idx="393">
                  <c:v>0.13688035264254</c:v>
                </c:pt>
                <c:pt idx="394">
                  <c:v>0.13115231939354799</c:v>
                </c:pt>
                <c:pt idx="395">
                  <c:v>0.13115231940869199</c:v>
                </c:pt>
                <c:pt idx="396">
                  <c:v>0.13115231942366901</c:v>
                </c:pt>
                <c:pt idx="397">
                  <c:v>0.12942108068464001</c:v>
                </c:pt>
                <c:pt idx="398">
                  <c:v>0.14021978943909799</c:v>
                </c:pt>
                <c:pt idx="399">
                  <c:v>0.144681085922857</c:v>
                </c:pt>
                <c:pt idx="400">
                  <c:v>0.14617881466025801</c:v>
                </c:pt>
                <c:pt idx="401">
                  <c:v>0.14494666629953001</c:v>
                </c:pt>
                <c:pt idx="402">
                  <c:v>0.14494666633904099</c:v>
                </c:pt>
                <c:pt idx="403">
                  <c:v>0.144946666378369</c:v>
                </c:pt>
                <c:pt idx="404">
                  <c:v>0.149442880403066</c:v>
                </c:pt>
                <c:pt idx="405">
                  <c:v>0.151211682277968</c:v>
                </c:pt>
                <c:pt idx="406">
                  <c:v>0.14721361101616301</c:v>
                </c:pt>
                <c:pt idx="407">
                  <c:v>0.14897899429395001</c:v>
                </c:pt>
                <c:pt idx="408">
                  <c:v>0.154011317116102</c:v>
                </c:pt>
                <c:pt idx="409">
                  <c:v>0.154011317154019</c:v>
                </c:pt>
                <c:pt idx="410">
                  <c:v>0.15401131719179201</c:v>
                </c:pt>
                <c:pt idx="411">
                  <c:v>0.154011245279813</c:v>
                </c:pt>
                <c:pt idx="412">
                  <c:v>0.166004160151006</c:v>
                </c:pt>
                <c:pt idx="413">
                  <c:v>0.15304768167721</c:v>
                </c:pt>
                <c:pt idx="414">
                  <c:v>0.15508043422862</c:v>
                </c:pt>
                <c:pt idx="415">
                  <c:v>0.16087970798437301</c:v>
                </c:pt>
                <c:pt idx="416">
                  <c:v>0.160879708038171</c:v>
                </c:pt>
                <c:pt idx="417">
                  <c:v>0.16087970809176699</c:v>
                </c:pt>
                <c:pt idx="418">
                  <c:v>0.16737591902302701</c:v>
                </c:pt>
                <c:pt idx="419">
                  <c:v>0.162576745914809</c:v>
                </c:pt>
                <c:pt idx="420">
                  <c:v>0.163807762767991</c:v>
                </c:pt>
                <c:pt idx="421">
                  <c:v>0.20020399758339399</c:v>
                </c:pt>
                <c:pt idx="422">
                  <c:v>0.18648513102613401</c:v>
                </c:pt>
                <c:pt idx="423">
                  <c:v>0.186485131197273</c:v>
                </c:pt>
                <c:pt idx="424">
                  <c:v>0.18648513136785799</c:v>
                </c:pt>
                <c:pt idx="425">
                  <c:v>0.181829646087067</c:v>
                </c:pt>
                <c:pt idx="426">
                  <c:v>0.18010028539123399</c:v>
                </c:pt>
                <c:pt idx="427">
                  <c:v>0.18878930076613701</c:v>
                </c:pt>
                <c:pt idx="428">
                  <c:v>0.18502252948199099</c:v>
                </c:pt>
                <c:pt idx="429">
                  <c:v>0.18694892256759599</c:v>
                </c:pt>
                <c:pt idx="430">
                  <c:v>0.186948922669533</c:v>
                </c:pt>
                <c:pt idx="431">
                  <c:v>0.186948922771146</c:v>
                </c:pt>
                <c:pt idx="432">
                  <c:v>0.19793969725039801</c:v>
                </c:pt>
                <c:pt idx="433">
                  <c:v>0.19644345654013901</c:v>
                </c:pt>
                <c:pt idx="434">
                  <c:v>0.190678464149451</c:v>
                </c:pt>
                <c:pt idx="435">
                  <c:v>0.18971514352452901</c:v>
                </c:pt>
                <c:pt idx="436">
                  <c:v>0.19936574626058601</c:v>
                </c:pt>
                <c:pt idx="437">
                  <c:v>0.19936574630964901</c:v>
                </c:pt>
                <c:pt idx="438">
                  <c:v>0.19936574635854901</c:v>
                </c:pt>
                <c:pt idx="439">
                  <c:v>0.19913608324509499</c:v>
                </c:pt>
                <c:pt idx="440">
                  <c:v>0.199137609274501</c:v>
                </c:pt>
                <c:pt idx="441">
                  <c:v>0.18964539440453901</c:v>
                </c:pt>
                <c:pt idx="442">
                  <c:v>0.20036613469803399</c:v>
                </c:pt>
                <c:pt idx="443">
                  <c:v>0.200061312794964</c:v>
                </c:pt>
                <c:pt idx="444">
                  <c:v>0.20006131290489501</c:v>
                </c:pt>
                <c:pt idx="445">
                  <c:v>0.200061313014436</c:v>
                </c:pt>
                <c:pt idx="446">
                  <c:v>0.20106246940970501</c:v>
                </c:pt>
                <c:pt idx="447">
                  <c:v>0.195263473920022</c:v>
                </c:pt>
                <c:pt idx="448">
                  <c:v>0.19653055374348999</c:v>
                </c:pt>
                <c:pt idx="449">
                  <c:v>0.19422153193574401</c:v>
                </c:pt>
                <c:pt idx="450">
                  <c:v>0.194957259464272</c:v>
                </c:pt>
                <c:pt idx="451">
                  <c:v>0.194957259560948</c:v>
                </c:pt>
                <c:pt idx="452">
                  <c:v>0.194957259657356</c:v>
                </c:pt>
                <c:pt idx="453">
                  <c:v>0.20083364536991999</c:v>
                </c:pt>
                <c:pt idx="454">
                  <c:v>0.21393936138665801</c:v>
                </c:pt>
                <c:pt idx="455">
                  <c:v>0.22043115084050399</c:v>
                </c:pt>
                <c:pt idx="456">
                  <c:v>0.22293224649383001</c:v>
                </c:pt>
                <c:pt idx="457">
                  <c:v>0.24840132842255799</c:v>
                </c:pt>
                <c:pt idx="458">
                  <c:v>0.24840132866512299</c:v>
                </c:pt>
                <c:pt idx="459">
                  <c:v>0.24840132890695901</c:v>
                </c:pt>
                <c:pt idx="460">
                  <c:v>0.238645954841713</c:v>
                </c:pt>
                <c:pt idx="461">
                  <c:v>0.22462641551235701</c:v>
                </c:pt>
                <c:pt idx="462">
                  <c:v>0.215633991807231</c:v>
                </c:pt>
                <c:pt idx="463">
                  <c:v>0.20717621985852699</c:v>
                </c:pt>
                <c:pt idx="464">
                  <c:v>0.212171115527653</c:v>
                </c:pt>
                <c:pt idx="465">
                  <c:v>0.21217111569269401</c:v>
                </c:pt>
                <c:pt idx="466">
                  <c:v>0.212171115857199</c:v>
                </c:pt>
                <c:pt idx="467">
                  <c:v>0.21916264819902401</c:v>
                </c:pt>
                <c:pt idx="468">
                  <c:v>0.20817729567002699</c:v>
                </c:pt>
                <c:pt idx="469">
                  <c:v>0.21144145922406199</c:v>
                </c:pt>
                <c:pt idx="470">
                  <c:v>0.206212759807646</c:v>
                </c:pt>
                <c:pt idx="471">
                  <c:v>0.21650722974258299</c:v>
                </c:pt>
                <c:pt idx="472">
                  <c:v>0.216507229879215</c:v>
                </c:pt>
                <c:pt idx="473">
                  <c:v>0.21650723001538599</c:v>
                </c:pt>
                <c:pt idx="474">
                  <c:v>0.21251090226547301</c:v>
                </c:pt>
                <c:pt idx="475">
                  <c:v>0.20551927825987501</c:v>
                </c:pt>
                <c:pt idx="476">
                  <c:v>0.20805180330286899</c:v>
                </c:pt>
                <c:pt idx="477">
                  <c:v>0.210548093427356</c:v>
                </c:pt>
                <c:pt idx="478">
                  <c:v>0.21830887330972101</c:v>
                </c:pt>
                <c:pt idx="479">
                  <c:v>0.21830887344913899</c:v>
                </c:pt>
                <c:pt idx="480">
                  <c:v>0.21830887358811901</c:v>
                </c:pt>
                <c:pt idx="481">
                  <c:v>0.22249510331330399</c:v>
                </c:pt>
                <c:pt idx="482">
                  <c:v>0.22900923274284399</c:v>
                </c:pt>
                <c:pt idx="483">
                  <c:v>0.22246330481692</c:v>
                </c:pt>
                <c:pt idx="484">
                  <c:v>0.22257394265167699</c:v>
                </c:pt>
                <c:pt idx="485">
                  <c:v>0.220575365870711</c:v>
                </c:pt>
                <c:pt idx="486">
                  <c:v>0.22057536601539199</c:v>
                </c:pt>
                <c:pt idx="487">
                  <c:v>0.22057536615968301</c:v>
                </c:pt>
                <c:pt idx="488">
                  <c:v>0.21757785283358899</c:v>
                </c:pt>
                <c:pt idx="489">
                  <c:v>0.21658168817526899</c:v>
                </c:pt>
                <c:pt idx="490">
                  <c:v>0.20882020985786701</c:v>
                </c:pt>
                <c:pt idx="491">
                  <c:v>0.20532026632634001</c:v>
                </c:pt>
                <c:pt idx="492">
                  <c:v>0.188105823263751</c:v>
                </c:pt>
                <c:pt idx="493">
                  <c:v>0.188105823366786</c:v>
                </c:pt>
                <c:pt idx="494">
                  <c:v>0.188105823469463</c:v>
                </c:pt>
                <c:pt idx="495">
                  <c:v>0.191103311305972</c:v>
                </c:pt>
                <c:pt idx="496">
                  <c:v>0.198365786442704</c:v>
                </c:pt>
                <c:pt idx="497">
                  <c:v>0.213117224119795</c:v>
                </c:pt>
                <c:pt idx="498">
                  <c:v>0.20162770315955</c:v>
                </c:pt>
                <c:pt idx="499">
                  <c:v>0.20262611389365201</c:v>
                </c:pt>
                <c:pt idx="500">
                  <c:v>0.20262611403473299</c:v>
                </c:pt>
                <c:pt idx="501">
                  <c:v>0.20262611417534501</c:v>
                </c:pt>
                <c:pt idx="502">
                  <c:v>0.19613080725871901</c:v>
                </c:pt>
                <c:pt idx="503">
                  <c:v>0.19613155758783701</c:v>
                </c:pt>
                <c:pt idx="504">
                  <c:v>0.20665600032967199</c:v>
                </c:pt>
                <c:pt idx="505">
                  <c:v>0.19616515656688499</c:v>
                </c:pt>
                <c:pt idx="506">
                  <c:v>0.19666518346692899</c:v>
                </c:pt>
                <c:pt idx="507">
                  <c:v>0.196665183637528</c:v>
                </c:pt>
                <c:pt idx="508">
                  <c:v>0.19666518380770501</c:v>
                </c:pt>
                <c:pt idx="509">
                  <c:v>0.18893920766351799</c:v>
                </c:pt>
                <c:pt idx="510">
                  <c:v>0.18175223455113701</c:v>
                </c:pt>
                <c:pt idx="511">
                  <c:v>0.18283758957928301</c:v>
                </c:pt>
                <c:pt idx="512">
                  <c:v>0.18888701268272201</c:v>
                </c:pt>
                <c:pt idx="513">
                  <c:v>0.18838797740083099</c:v>
                </c:pt>
                <c:pt idx="514">
                  <c:v>0.18838797754334299</c:v>
                </c:pt>
                <c:pt idx="515">
                  <c:v>0.188387977685464</c:v>
                </c:pt>
                <c:pt idx="516">
                  <c:v>0.188387977827187</c:v>
                </c:pt>
                <c:pt idx="517">
                  <c:v>0.19288466891681399</c:v>
                </c:pt>
                <c:pt idx="518">
                  <c:v>0.186085716879411</c:v>
                </c:pt>
                <c:pt idx="519">
                  <c:v>0.19380980379887</c:v>
                </c:pt>
                <c:pt idx="520">
                  <c:v>0.180321909395802</c:v>
                </c:pt>
                <c:pt idx="521">
                  <c:v>0.18032190949676599</c:v>
                </c:pt>
                <c:pt idx="522">
                  <c:v>0.18032190959738201</c:v>
                </c:pt>
                <c:pt idx="523">
                  <c:v>0.182818527519226</c:v>
                </c:pt>
                <c:pt idx="524">
                  <c:v>0.177556555050011</c:v>
                </c:pt>
                <c:pt idx="525">
                  <c:v>0.17555827064721</c:v>
                </c:pt>
                <c:pt idx="526">
                  <c:v>0.17482689579847899</c:v>
                </c:pt>
                <c:pt idx="527">
                  <c:v>0.183087542776317</c:v>
                </c:pt>
                <c:pt idx="528">
                  <c:v>0.183087542863025</c:v>
                </c:pt>
                <c:pt idx="529">
                  <c:v>0.18308754294951801</c:v>
                </c:pt>
                <c:pt idx="530">
                  <c:v>0.19607551273779</c:v>
                </c:pt>
                <c:pt idx="531">
                  <c:v>0.198807570582377</c:v>
                </c:pt>
                <c:pt idx="532">
                  <c:v>0.23526650489526599</c:v>
                </c:pt>
                <c:pt idx="533">
                  <c:v>0.248246840279301</c:v>
                </c:pt>
                <c:pt idx="534">
                  <c:v>0.264156674622395</c:v>
                </c:pt>
                <c:pt idx="535">
                  <c:v>0.26415667497669298</c:v>
                </c:pt>
                <c:pt idx="536">
                  <c:v>0.26415667533008302</c:v>
                </c:pt>
                <c:pt idx="537">
                  <c:v>0.27038123951847098</c:v>
                </c:pt>
                <c:pt idx="538">
                  <c:v>0.25536398149022899</c:v>
                </c:pt>
                <c:pt idx="539">
                  <c:v>0.27380315052509702</c:v>
                </c:pt>
                <c:pt idx="540">
                  <c:v>0.27890595366573101</c:v>
                </c:pt>
                <c:pt idx="541">
                  <c:v>0.27935975428209697</c:v>
                </c:pt>
                <c:pt idx="542">
                  <c:v>0.27935975469355601</c:v>
                </c:pt>
                <c:pt idx="543">
                  <c:v>0.27935975510398697</c:v>
                </c:pt>
                <c:pt idx="544">
                  <c:v>0.276031477439038</c:v>
                </c:pt>
                <c:pt idx="545">
                  <c:v>0.277297906951187</c:v>
                </c:pt>
                <c:pt idx="546">
                  <c:v>0.27130474858272602</c:v>
                </c:pt>
                <c:pt idx="547">
                  <c:v>0.28228676859829399</c:v>
                </c:pt>
                <c:pt idx="548">
                  <c:v>0.26085297609466002</c:v>
                </c:pt>
                <c:pt idx="549">
                  <c:v>0.26085297646525102</c:v>
                </c:pt>
                <c:pt idx="550">
                  <c:v>0.26085297683486097</c:v>
                </c:pt>
                <c:pt idx="551">
                  <c:v>0.260853608162186</c:v>
                </c:pt>
                <c:pt idx="552">
                  <c:v>0.24787127919622001</c:v>
                </c:pt>
                <c:pt idx="553">
                  <c:v>0.248712175536795</c:v>
                </c:pt>
                <c:pt idx="554">
                  <c:v>0.23299952206813801</c:v>
                </c:pt>
                <c:pt idx="555">
                  <c:v>0.25547314436270602</c:v>
                </c:pt>
                <c:pt idx="556">
                  <c:v>0.25547314468411397</c:v>
                </c:pt>
                <c:pt idx="557">
                  <c:v>0.25547314500469798</c:v>
                </c:pt>
                <c:pt idx="558">
                  <c:v>0.26046751124540901</c:v>
                </c:pt>
                <c:pt idx="559">
                  <c:v>0.28493573525841098</c:v>
                </c:pt>
                <c:pt idx="560">
                  <c:v>0.26499861185644702</c:v>
                </c:pt>
                <c:pt idx="561">
                  <c:v>0.261269366554917</c:v>
                </c:pt>
                <c:pt idx="562">
                  <c:v>0.26200005408358101</c:v>
                </c:pt>
                <c:pt idx="563">
                  <c:v>0.26200005443201002</c:v>
                </c:pt>
                <c:pt idx="564">
                  <c:v>0.26200005477955202</c:v>
                </c:pt>
                <c:pt idx="565">
                  <c:v>0.23899468911207</c:v>
                </c:pt>
                <c:pt idx="566">
                  <c:v>0.233504389365568</c:v>
                </c:pt>
                <c:pt idx="567">
                  <c:v>0.24648794368920501</c:v>
                </c:pt>
                <c:pt idx="568">
                  <c:v>0.24129830213463599</c:v>
                </c:pt>
                <c:pt idx="569">
                  <c:v>0.24156553198911901</c:v>
                </c:pt>
                <c:pt idx="570">
                  <c:v>0.24156553227403299</c:v>
                </c:pt>
                <c:pt idx="571">
                  <c:v>0.24156553255816901</c:v>
                </c:pt>
                <c:pt idx="572">
                  <c:v>0.24322474554887299</c:v>
                </c:pt>
                <c:pt idx="573">
                  <c:v>0.23559396550072101</c:v>
                </c:pt>
                <c:pt idx="574">
                  <c:v>0.23551875456201499</c:v>
                </c:pt>
                <c:pt idx="575">
                  <c:v>0.238567475008167</c:v>
                </c:pt>
                <c:pt idx="576">
                  <c:v>0.22385176214243399</c:v>
                </c:pt>
                <c:pt idx="577">
                  <c:v>0.223851762363632</c:v>
                </c:pt>
                <c:pt idx="578">
                  <c:v>0.22385176258421799</c:v>
                </c:pt>
                <c:pt idx="579">
                  <c:v>0.214860899682392</c:v>
                </c:pt>
                <c:pt idx="580">
                  <c:v>0.21036657424573099</c:v>
                </c:pt>
                <c:pt idx="581">
                  <c:v>0.222852191163079</c:v>
                </c:pt>
                <c:pt idx="582">
                  <c:v>0.24782367437866701</c:v>
                </c:pt>
                <c:pt idx="583">
                  <c:v>0.26580209465637</c:v>
                </c:pt>
                <c:pt idx="584">
                  <c:v>0.26580209495367801</c:v>
                </c:pt>
                <c:pt idx="585">
                  <c:v>0.26580209525016801</c:v>
                </c:pt>
                <c:pt idx="586">
                  <c:v>0.272292704405728</c:v>
                </c:pt>
                <c:pt idx="587">
                  <c:v>0.28577383904293502</c:v>
                </c:pt>
                <c:pt idx="588">
                  <c:v>0.26480206379920002</c:v>
                </c:pt>
                <c:pt idx="589">
                  <c:v>0.27605493139388099</c:v>
                </c:pt>
                <c:pt idx="590">
                  <c:v>0.26506792733496998</c:v>
                </c:pt>
                <c:pt idx="591">
                  <c:v>0.26506792764916998</c:v>
                </c:pt>
                <c:pt idx="592">
                  <c:v>0.26506792796259998</c:v>
                </c:pt>
                <c:pt idx="593">
                  <c:v>0.259076781245142</c:v>
                </c:pt>
                <c:pt idx="594">
                  <c:v>0.27206096400424701</c:v>
                </c:pt>
                <c:pt idx="595">
                  <c:v>0.27179377005384098</c:v>
                </c:pt>
                <c:pt idx="596">
                  <c:v>0.27751942848391697</c:v>
                </c:pt>
                <c:pt idx="597">
                  <c:v>0.27678794664489698</c:v>
                </c:pt>
                <c:pt idx="598">
                  <c:v>0.27678794695810399</c:v>
                </c:pt>
                <c:pt idx="599">
                  <c:v>0.27678794727053102</c:v>
                </c:pt>
                <c:pt idx="600">
                  <c:v>0.27099063216602798</c:v>
                </c:pt>
                <c:pt idx="601">
                  <c:v>0.27721418279024601</c:v>
                </c:pt>
                <c:pt idx="602">
                  <c:v>0.28170772515807302</c:v>
                </c:pt>
                <c:pt idx="603">
                  <c:v>0.28165250518016299</c:v>
                </c:pt>
                <c:pt idx="604">
                  <c:v>0.26323283092996602</c:v>
                </c:pt>
                <c:pt idx="605">
                  <c:v>0.26323283119172097</c:v>
                </c:pt>
                <c:pt idx="606">
                  <c:v>0.26323283145281401</c:v>
                </c:pt>
                <c:pt idx="607">
                  <c:v>0.25274620965670203</c:v>
                </c:pt>
                <c:pt idx="608">
                  <c:v>0.25624264490089299</c:v>
                </c:pt>
                <c:pt idx="609">
                  <c:v>0.26150434847904402</c:v>
                </c:pt>
                <c:pt idx="610">
                  <c:v>0.25900757001060298</c:v>
                </c:pt>
                <c:pt idx="611">
                  <c:v>0.25351434681566898</c:v>
                </c:pt>
                <c:pt idx="612">
                  <c:v>0.25351434710041698</c:v>
                </c:pt>
                <c:pt idx="613">
                  <c:v>0.25351434738443501</c:v>
                </c:pt>
                <c:pt idx="614">
                  <c:v>0.25351421611655101</c:v>
                </c:pt>
                <c:pt idx="615">
                  <c:v>0.26473227705895302</c:v>
                </c:pt>
                <c:pt idx="616">
                  <c:v>0.26673078867622402</c:v>
                </c:pt>
                <c:pt idx="617">
                  <c:v>0.26523298486622998</c:v>
                </c:pt>
                <c:pt idx="618">
                  <c:v>0.27698555734129199</c:v>
                </c:pt>
                <c:pt idx="619">
                  <c:v>0.27698555764281102</c:v>
                </c:pt>
                <c:pt idx="620">
                  <c:v>0.27698555794354102</c:v>
                </c:pt>
                <c:pt idx="621">
                  <c:v>0.27199218545594001</c:v>
                </c:pt>
                <c:pt idx="622">
                  <c:v>0.26899487332337202</c:v>
                </c:pt>
                <c:pt idx="623">
                  <c:v>0.27598750317575399</c:v>
                </c:pt>
                <c:pt idx="624">
                  <c:v>0.28597347556330099</c:v>
                </c:pt>
                <c:pt idx="625">
                  <c:v>0.29296402581671999</c:v>
                </c:pt>
                <c:pt idx="626">
                  <c:v>0.29296402617685602</c:v>
                </c:pt>
                <c:pt idx="627">
                  <c:v>0.29296402653611098</c:v>
                </c:pt>
                <c:pt idx="628">
                  <c:v>0.284977015689169</c:v>
                </c:pt>
                <c:pt idx="629">
                  <c:v>0.28317356703881502</c:v>
                </c:pt>
                <c:pt idx="630">
                  <c:v>0.30564240275369298</c:v>
                </c:pt>
                <c:pt idx="631">
                  <c:v>0.32810733247448098</c:v>
                </c:pt>
                <c:pt idx="632">
                  <c:v>0.34358104716457599</c:v>
                </c:pt>
                <c:pt idx="633">
                  <c:v>0.34358104774315201</c:v>
                </c:pt>
                <c:pt idx="634">
                  <c:v>0.34358104832038699</c:v>
                </c:pt>
                <c:pt idx="635">
                  <c:v>0.34762280467385898</c:v>
                </c:pt>
                <c:pt idx="636">
                  <c:v>0.346077410918809</c:v>
                </c:pt>
                <c:pt idx="637">
                  <c:v>0.33609314342013402</c:v>
                </c:pt>
                <c:pt idx="638">
                  <c:v>0.32891371906116201</c:v>
                </c:pt>
                <c:pt idx="639">
                  <c:v>0.31293968986148601</c:v>
                </c:pt>
                <c:pt idx="640">
                  <c:v>0.31293969029255397</c:v>
                </c:pt>
                <c:pt idx="641">
                  <c:v>0.31293969072248701</c:v>
                </c:pt>
                <c:pt idx="642">
                  <c:v>0.31593490005256902</c:v>
                </c:pt>
                <c:pt idx="643">
                  <c:v>0.32941409984999898</c:v>
                </c:pt>
                <c:pt idx="644">
                  <c:v>0.336402841372274</c:v>
                </c:pt>
                <c:pt idx="645">
                  <c:v>0.35387050437119</c:v>
                </c:pt>
                <c:pt idx="646">
                  <c:v>0.37083952974219198</c:v>
                </c:pt>
                <c:pt idx="647">
                  <c:v>0.37083953025461303</c:v>
                </c:pt>
                <c:pt idx="648">
                  <c:v>0.37083953076572401</c:v>
                </c:pt>
                <c:pt idx="649">
                  <c:v>0.37083930493490003</c:v>
                </c:pt>
                <c:pt idx="650">
                  <c:v>0.40677404396470301</c:v>
                </c:pt>
                <c:pt idx="651">
                  <c:v>0.434989813923219</c:v>
                </c:pt>
                <c:pt idx="652">
                  <c:v>0.43499012905781798</c:v>
                </c:pt>
                <c:pt idx="653">
                  <c:v>0.477128455710921</c:v>
                </c:pt>
                <c:pt idx="654">
                  <c:v>0.47712845682147997</c:v>
                </c:pt>
                <c:pt idx="655">
                  <c:v>0.47712845792922898</c:v>
                </c:pt>
                <c:pt idx="656">
                  <c:v>0.51327661789378098</c:v>
                </c:pt>
                <c:pt idx="657">
                  <c:v>0.498080896772576</c:v>
                </c:pt>
                <c:pt idx="658">
                  <c:v>0.49513161721079202</c:v>
                </c:pt>
                <c:pt idx="659">
                  <c:v>0.549995693579163</c:v>
                </c:pt>
                <c:pt idx="660">
                  <c:v>0.57193949918425901</c:v>
                </c:pt>
                <c:pt idx="661">
                  <c:v>0.571939501203659</c:v>
                </c:pt>
                <c:pt idx="662">
                  <c:v>0.57193950321795295</c:v>
                </c:pt>
                <c:pt idx="663">
                  <c:v>0.55798096859094504</c:v>
                </c:pt>
                <c:pt idx="664">
                  <c:v>0.56568786787423597</c:v>
                </c:pt>
                <c:pt idx="665">
                  <c:v>0.59603833272386597</c:v>
                </c:pt>
                <c:pt idx="666">
                  <c:v>0.61180759317911904</c:v>
                </c:pt>
                <c:pt idx="667">
                  <c:v>0.62999142908667105</c:v>
                </c:pt>
                <c:pt idx="668">
                  <c:v>0.62999143215943398</c:v>
                </c:pt>
                <c:pt idx="669">
                  <c:v>0.62999143522411605</c:v>
                </c:pt>
                <c:pt idx="670">
                  <c:v>0.64468641529280901</c:v>
                </c:pt>
                <c:pt idx="671">
                  <c:v>0.58706996760212804</c:v>
                </c:pt>
                <c:pt idx="672">
                  <c:v>0.60130183475035803</c:v>
                </c:pt>
                <c:pt idx="673">
                  <c:v>0.55987149281186499</c:v>
                </c:pt>
                <c:pt idx="674">
                  <c:v>0.53393529413825103</c:v>
                </c:pt>
                <c:pt idx="675">
                  <c:v>0.53393529592117395</c:v>
                </c:pt>
                <c:pt idx="676">
                  <c:v>0.53393529769955395</c:v>
                </c:pt>
                <c:pt idx="677">
                  <c:v>0.58004151679218297</c:v>
                </c:pt>
                <c:pt idx="678">
                  <c:v>0.56136098185141103</c:v>
                </c:pt>
                <c:pt idx="679">
                  <c:v>0.67228136282303796</c:v>
                </c:pt>
                <c:pt idx="680">
                  <c:v>0.672280710655484</c:v>
                </c:pt>
                <c:pt idx="681">
                  <c:v>0.69371262370948705</c:v>
                </c:pt>
                <c:pt idx="682">
                  <c:v>0.69371262704871195</c:v>
                </c:pt>
                <c:pt idx="683">
                  <c:v>0.693712630379266</c:v>
                </c:pt>
                <c:pt idx="684">
                  <c:v>0.70168310280623303</c:v>
                </c:pt>
                <c:pt idx="685">
                  <c:v>0.69868861203965105</c:v>
                </c:pt>
                <c:pt idx="686">
                  <c:v>0.67626436451239602</c:v>
                </c:pt>
                <c:pt idx="687">
                  <c:v>0.67120047306314001</c:v>
                </c:pt>
                <c:pt idx="688">
                  <c:v>0.70333520560260598</c:v>
                </c:pt>
                <c:pt idx="689">
                  <c:v>0.70333520838916896</c:v>
                </c:pt>
                <c:pt idx="690">
                  <c:v>0.70333521116857101</c:v>
                </c:pt>
                <c:pt idx="691">
                  <c:v>0.77876573889856004</c:v>
                </c:pt>
                <c:pt idx="692">
                  <c:v>0.76227834884022705</c:v>
                </c:pt>
                <c:pt idx="693">
                  <c:v>0.79762027029792004</c:v>
                </c:pt>
                <c:pt idx="694">
                  <c:v>0.79430950171326298</c:v>
                </c:pt>
                <c:pt idx="695">
                  <c:v>0.66058246534356202</c:v>
                </c:pt>
                <c:pt idx="696">
                  <c:v>0.66058246867072701</c:v>
                </c:pt>
                <c:pt idx="697">
                  <c:v>0.66058247198902698</c:v>
                </c:pt>
                <c:pt idx="698">
                  <c:v>0.66725053108099597</c:v>
                </c:pt>
                <c:pt idx="699">
                  <c:v>0.70477826638137098</c:v>
                </c:pt>
                <c:pt idx="700">
                  <c:v>0.70754334116258499</c:v>
                </c:pt>
                <c:pt idx="701">
                  <c:v>0.76066205993893499</c:v>
                </c:pt>
                <c:pt idx="702">
                  <c:v>0.73475263063142104</c:v>
                </c:pt>
                <c:pt idx="703">
                  <c:v>0.73475263571016003</c:v>
                </c:pt>
                <c:pt idx="704">
                  <c:v>0.73475264077527802</c:v>
                </c:pt>
                <c:pt idx="705">
                  <c:v>0.77262051281997002</c:v>
                </c:pt>
                <c:pt idx="706">
                  <c:v>0.81074836576458897</c:v>
                </c:pt>
                <c:pt idx="707">
                  <c:v>0.79308254605790895</c:v>
                </c:pt>
                <c:pt idx="708">
                  <c:v>0.81147483040165502</c:v>
                </c:pt>
                <c:pt idx="709">
                  <c:v>0.78511225355002601</c:v>
                </c:pt>
                <c:pt idx="710">
                  <c:v>0.78511225765636306</c:v>
                </c:pt>
                <c:pt idx="711">
                  <c:v>0.785112261751582</c:v>
                </c:pt>
                <c:pt idx="712">
                  <c:v>0.75453039217328499</c:v>
                </c:pt>
                <c:pt idx="713">
                  <c:v>0.78265823789767697</c:v>
                </c:pt>
                <c:pt idx="714">
                  <c:v>0.79929227493645705</c:v>
                </c:pt>
                <c:pt idx="715">
                  <c:v>0.77262853844675705</c:v>
                </c:pt>
                <c:pt idx="716">
                  <c:v>0.79124846573635899</c:v>
                </c:pt>
                <c:pt idx="717">
                  <c:v>0.79124846906629498</c:v>
                </c:pt>
                <c:pt idx="718">
                  <c:v>0.79124847238718399</c:v>
                </c:pt>
                <c:pt idx="719">
                  <c:v>0.77879878202980701</c:v>
                </c:pt>
                <c:pt idx="720">
                  <c:v>0.82267227880716898</c:v>
                </c:pt>
                <c:pt idx="721">
                  <c:v>0.82815912265715297</c:v>
                </c:pt>
                <c:pt idx="722">
                  <c:v>0.84063026903535698</c:v>
                </c:pt>
                <c:pt idx="723">
                  <c:v>0.84364191157843405</c:v>
                </c:pt>
                <c:pt idx="724">
                  <c:v>0.84364191498147401</c:v>
                </c:pt>
                <c:pt idx="725">
                  <c:v>0.84364191837501301</c:v>
                </c:pt>
                <c:pt idx="726">
                  <c:v>0.856355503285959</c:v>
                </c:pt>
                <c:pt idx="727">
                  <c:v>0.85210258599789601</c:v>
                </c:pt>
                <c:pt idx="728">
                  <c:v>0.85405580309639495</c:v>
                </c:pt>
                <c:pt idx="729">
                  <c:v>0.84358095174328496</c:v>
                </c:pt>
                <c:pt idx="730">
                  <c:v>0.84407743125199697</c:v>
                </c:pt>
                <c:pt idx="731">
                  <c:v>0.84407743442711303</c:v>
                </c:pt>
                <c:pt idx="732">
                  <c:v>0.84407743759327702</c:v>
                </c:pt>
                <c:pt idx="733">
                  <c:v>0.88491098183072803</c:v>
                </c:pt>
                <c:pt idx="734">
                  <c:v>0.85801548139867601</c:v>
                </c:pt>
                <c:pt idx="735">
                  <c:v>0.92596981250777899</c:v>
                </c:pt>
                <c:pt idx="736">
                  <c:v>0.97177562691724895</c:v>
                </c:pt>
                <c:pt idx="737">
                  <c:v>0.98222444388461905</c:v>
                </c:pt>
                <c:pt idx="738">
                  <c:v>0.982224447142658</c:v>
                </c:pt>
                <c:pt idx="739">
                  <c:v>0.98222445039158601</c:v>
                </c:pt>
                <c:pt idx="740">
                  <c:v>1.0193229207019201</c:v>
                </c:pt>
                <c:pt idx="741">
                  <c:v>1.0073733645261</c:v>
                </c:pt>
                <c:pt idx="742">
                  <c:v>1.0083700141370699</c:v>
                </c:pt>
                <c:pt idx="743">
                  <c:v>1.0036716446888601</c:v>
                </c:pt>
                <c:pt idx="744">
                  <c:v>1.06934723532494</c:v>
                </c:pt>
                <c:pt idx="745">
                  <c:v>1.0693472389890499</c:v>
                </c:pt>
                <c:pt idx="746">
                  <c:v>1.06934724264264</c:v>
                </c:pt>
                <c:pt idx="747">
                  <c:v>1.0693461174999499</c:v>
                </c:pt>
                <c:pt idx="748">
                  <c:v>1.1504696821344</c:v>
                </c:pt>
                <c:pt idx="749">
                  <c:v>1.1331063738493901</c:v>
                </c:pt>
                <c:pt idx="750">
                  <c:v>1.1468507717135601</c:v>
                </c:pt>
                <c:pt idx="751">
                  <c:v>1.1010896759236</c:v>
                </c:pt>
                <c:pt idx="752">
                  <c:v>1.1010896796819001</c:v>
                </c:pt>
                <c:pt idx="753">
                  <c:v>1.1010896834292601</c:v>
                </c:pt>
                <c:pt idx="754">
                  <c:v>1.0640502362800099</c:v>
                </c:pt>
                <c:pt idx="755">
                  <c:v>1.0992255444471599</c:v>
                </c:pt>
                <c:pt idx="756">
                  <c:v>1.2082001675852601</c:v>
                </c:pt>
                <c:pt idx="757">
                  <c:v>1.24358739043624</c:v>
                </c:pt>
                <c:pt idx="758">
                  <c:v>1.2448337716306599</c:v>
                </c:pt>
                <c:pt idx="759">
                  <c:v>1.2448337765250199</c:v>
                </c:pt>
                <c:pt idx="760">
                  <c:v>1.2448337814043999</c:v>
                </c:pt>
                <c:pt idx="761">
                  <c:v>1.2536035683429201</c:v>
                </c:pt>
                <c:pt idx="762">
                  <c:v>1.2466436816258</c:v>
                </c:pt>
                <c:pt idx="763">
                  <c:v>1.23968584070326</c:v>
                </c:pt>
                <c:pt idx="764">
                  <c:v>1.2794654341540299</c:v>
                </c:pt>
                <c:pt idx="765">
                  <c:v>1.4117170475248899</c:v>
                </c:pt>
                <c:pt idx="766">
                  <c:v>1.41171705327427</c:v>
                </c:pt>
                <c:pt idx="767">
                  <c:v>1.4117170590053401</c:v>
                </c:pt>
                <c:pt idx="768">
                  <c:v>1.40824608437911</c:v>
                </c:pt>
                <c:pt idx="769">
                  <c:v>1.44918933875015</c:v>
                </c:pt>
                <c:pt idx="770">
                  <c:v>1.4575965485276401</c:v>
                </c:pt>
                <c:pt idx="771">
                  <c:v>1.7525537993735301</c:v>
                </c:pt>
                <c:pt idx="772">
                  <c:v>1.6302090294997</c:v>
                </c:pt>
                <c:pt idx="773">
                  <c:v>1.6302090392567301</c:v>
                </c:pt>
                <c:pt idx="774">
                  <c:v>1.6302090489813299</c:v>
                </c:pt>
                <c:pt idx="775">
                  <c:v>1.70562086317696</c:v>
                </c:pt>
                <c:pt idx="776">
                  <c:v>1.6966764800390599</c:v>
                </c:pt>
                <c:pt idx="777">
                  <c:v>1.6283776535434</c:v>
                </c:pt>
                <c:pt idx="778">
                  <c:v>1.6013391705612701</c:v>
                </c:pt>
                <c:pt idx="779">
                  <c:v>1.5857349096054301</c:v>
                </c:pt>
                <c:pt idx="780">
                  <c:v>1.58573491772301</c:v>
                </c:pt>
                <c:pt idx="781">
                  <c:v>1.58573492581386</c:v>
                </c:pt>
                <c:pt idx="782">
                  <c:v>1.5857297623133499</c:v>
                </c:pt>
                <c:pt idx="783">
                  <c:v>1.6462114351339101</c:v>
                </c:pt>
                <c:pt idx="784">
                  <c:v>1.6919178419259799</c:v>
                </c:pt>
                <c:pt idx="785">
                  <c:v>1.65737990660963</c:v>
                </c:pt>
                <c:pt idx="786">
                  <c:v>1.66835862121823</c:v>
                </c:pt>
                <c:pt idx="787">
                  <c:v>1.6683586281698699</c:v>
                </c:pt>
                <c:pt idx="788">
                  <c:v>1.6683586350972801</c:v>
                </c:pt>
                <c:pt idx="789">
                  <c:v>1.5357615861503</c:v>
                </c:pt>
                <c:pt idx="790">
                  <c:v>1.3688628751556</c:v>
                </c:pt>
                <c:pt idx="791">
                  <c:v>1.5847477254609199</c:v>
                </c:pt>
                <c:pt idx="792">
                  <c:v>1.60892844036158</c:v>
                </c:pt>
                <c:pt idx="793">
                  <c:v>1.5721721936548501</c:v>
                </c:pt>
                <c:pt idx="794">
                  <c:v>1.5721722011158401</c:v>
                </c:pt>
                <c:pt idx="795">
                  <c:v>1.5721722085452401</c:v>
                </c:pt>
                <c:pt idx="796">
                  <c:v>1.61682880822024</c:v>
                </c:pt>
                <c:pt idx="797">
                  <c:v>1.6963503617467499</c:v>
                </c:pt>
                <c:pt idx="798">
                  <c:v>1.7558963446412501</c:v>
                </c:pt>
                <c:pt idx="799">
                  <c:v>1.7890526537959801</c:v>
                </c:pt>
                <c:pt idx="800">
                  <c:v>1.82336183844424</c:v>
                </c:pt>
                <c:pt idx="801">
                  <c:v>1.8233618513176599</c:v>
                </c:pt>
                <c:pt idx="802">
                  <c:v>1.8233618641429701</c:v>
                </c:pt>
                <c:pt idx="803">
                  <c:v>1.96349776615022</c:v>
                </c:pt>
                <c:pt idx="804">
                  <c:v>1.95552770654367</c:v>
                </c:pt>
                <c:pt idx="805">
                  <c:v>2.0339776327678001</c:v>
                </c:pt>
                <c:pt idx="806">
                  <c:v>2.0618820066297499</c:v>
                </c:pt>
                <c:pt idx="807">
                  <c:v>2.0736027659192899</c:v>
                </c:pt>
                <c:pt idx="808">
                  <c:v>2.0736027751951398</c:v>
                </c:pt>
                <c:pt idx="809">
                  <c:v>2.0736027844367602</c:v>
                </c:pt>
                <c:pt idx="810">
                  <c:v>2.2396236638418698</c:v>
                </c:pt>
                <c:pt idx="811">
                  <c:v>2.2760605364324999</c:v>
                </c:pt>
                <c:pt idx="812">
                  <c:v>2.2173801950656502</c:v>
                </c:pt>
                <c:pt idx="813">
                  <c:v>2.2740765777596001</c:v>
                </c:pt>
                <c:pt idx="814">
                  <c:v>2.4067610227089502</c:v>
                </c:pt>
                <c:pt idx="815">
                  <c:v>2.40676103499962</c:v>
                </c:pt>
                <c:pt idx="816">
                  <c:v>2.4067610472391601</c:v>
                </c:pt>
                <c:pt idx="817">
                  <c:v>2.4711538109788198</c:v>
                </c:pt>
                <c:pt idx="818">
                  <c:v>2.4287336799307302</c:v>
                </c:pt>
                <c:pt idx="819">
                  <c:v>2.40119701602532</c:v>
                </c:pt>
                <c:pt idx="820">
                  <c:v>2.40894657833016</c:v>
                </c:pt>
                <c:pt idx="821">
                  <c:v>2.5429464311613001</c:v>
                </c:pt>
                <c:pt idx="822">
                  <c:v>2.5429464467605301</c:v>
                </c:pt>
                <c:pt idx="823">
                  <c:v>2.5429464622976101</c:v>
                </c:pt>
                <c:pt idx="824">
                  <c:v>2.5100961900571801</c:v>
                </c:pt>
                <c:pt idx="825">
                  <c:v>2.6090259359624701</c:v>
                </c:pt>
                <c:pt idx="826">
                  <c:v>2.5942116453604598</c:v>
                </c:pt>
                <c:pt idx="827">
                  <c:v>2.5602982846006701</c:v>
                </c:pt>
                <c:pt idx="828">
                  <c:v>2.63888302589505</c:v>
                </c:pt>
                <c:pt idx="829">
                  <c:v>2.6388830406774701</c:v>
                </c:pt>
                <c:pt idx="830">
                  <c:v>2.6388830554017502</c:v>
                </c:pt>
                <c:pt idx="831">
                  <c:v>2.6262126100090901</c:v>
                </c:pt>
                <c:pt idx="832">
                  <c:v>2.5046666132928799</c:v>
                </c:pt>
                <c:pt idx="833">
                  <c:v>2.4960811219816401</c:v>
                </c:pt>
                <c:pt idx="834">
                  <c:v>2.5944229008743198</c:v>
                </c:pt>
                <c:pt idx="835">
                  <c:v>2.5939236741974798</c:v>
                </c:pt>
                <c:pt idx="836">
                  <c:v>2.5939236879168002</c:v>
                </c:pt>
                <c:pt idx="837">
                  <c:v>2.5939237015827401</c:v>
                </c:pt>
                <c:pt idx="838">
                  <c:v>2.6003457018339402</c:v>
                </c:pt>
                <c:pt idx="839">
                  <c:v>2.7291090955379902</c:v>
                </c:pt>
                <c:pt idx="840">
                  <c:v>2.72199513052654</c:v>
                </c:pt>
                <c:pt idx="841">
                  <c:v>2.8368794821695098</c:v>
                </c:pt>
                <c:pt idx="842">
                  <c:v>2.86956193494846</c:v>
                </c:pt>
                <c:pt idx="843">
                  <c:v>2.8695619477227998</c:v>
                </c:pt>
                <c:pt idx="844">
                  <c:v>2.8695619604368101</c:v>
                </c:pt>
                <c:pt idx="845">
                  <c:v>2.7916522956914398</c:v>
                </c:pt>
                <c:pt idx="846">
                  <c:v>2.6948630854703102</c:v>
                </c:pt>
                <c:pt idx="847">
                  <c:v>2.7490185713772002</c:v>
                </c:pt>
                <c:pt idx="848">
                  <c:v>2.8205915896736098</c:v>
                </c:pt>
                <c:pt idx="849">
                  <c:v>2.91094413794431</c:v>
                </c:pt>
                <c:pt idx="850">
                  <c:v>2.91094414847483</c:v>
                </c:pt>
                <c:pt idx="851">
                  <c:v>2.91094415894398</c:v>
                </c:pt>
                <c:pt idx="852">
                  <c:v>2.92263366286504</c:v>
                </c:pt>
                <c:pt idx="853">
                  <c:v>2.9388327871123598</c:v>
                </c:pt>
                <c:pt idx="854">
                  <c:v>2.8346418879153701</c:v>
                </c:pt>
                <c:pt idx="855">
                  <c:v>2.89153836904483</c:v>
                </c:pt>
                <c:pt idx="856">
                  <c:v>0</c:v>
                </c:pt>
                <c:pt idx="857">
                  <c:v>0</c:v>
                </c:pt>
                <c:pt idx="858">
                  <c:v>0</c:v>
                </c:pt>
                <c:pt idx="859">
                  <c:v>0</c:v>
                </c:pt>
                <c:pt idx="860">
                  <c:v>0</c:v>
                </c:pt>
                <c:pt idx="861">
                  <c:v>0</c:v>
                </c:pt>
                <c:pt idx="862">
                  <c:v>0</c:v>
                </c:pt>
                <c:pt idx="863">
                  <c:v>0</c:v>
                </c:pt>
                <c:pt idx="864">
                  <c:v>0</c:v>
                </c:pt>
                <c:pt idx="865">
                  <c:v>0</c:v>
                </c:pt>
                <c:pt idx="866">
                  <c:v>0</c:v>
                </c:pt>
                <c:pt idx="867">
                  <c:v>0</c:v>
                </c:pt>
                <c:pt idx="868">
                  <c:v>0</c:v>
                </c:pt>
                <c:pt idx="869">
                  <c:v>0</c:v>
                </c:pt>
                <c:pt idx="870">
                  <c:v>0</c:v>
                </c:pt>
                <c:pt idx="871">
                  <c:v>0</c:v>
                </c:pt>
                <c:pt idx="872">
                  <c:v>0</c:v>
                </c:pt>
                <c:pt idx="873">
                  <c:v>0</c:v>
                </c:pt>
                <c:pt idx="874">
                  <c:v>0</c:v>
                </c:pt>
                <c:pt idx="875">
                  <c:v>0</c:v>
                </c:pt>
                <c:pt idx="876">
                  <c:v>0</c:v>
                </c:pt>
                <c:pt idx="877">
                  <c:v>0</c:v>
                </c:pt>
                <c:pt idx="878">
                  <c:v>0</c:v>
                </c:pt>
                <c:pt idx="879">
                  <c:v>0</c:v>
                </c:pt>
                <c:pt idx="880">
                  <c:v>0</c:v>
                </c:pt>
                <c:pt idx="881">
                  <c:v>0</c:v>
                </c:pt>
                <c:pt idx="882">
                  <c:v>0</c:v>
                </c:pt>
                <c:pt idx="883">
                  <c:v>0</c:v>
                </c:pt>
                <c:pt idx="884">
                  <c:v>0</c:v>
                </c:pt>
                <c:pt idx="885">
                  <c:v>0</c:v>
                </c:pt>
                <c:pt idx="886">
                  <c:v>0</c:v>
                </c:pt>
                <c:pt idx="887">
                  <c:v>0</c:v>
                </c:pt>
                <c:pt idx="888">
                  <c:v>0</c:v>
                </c:pt>
                <c:pt idx="889">
                  <c:v>0</c:v>
                </c:pt>
                <c:pt idx="890">
                  <c:v>0</c:v>
                </c:pt>
                <c:pt idx="891">
                  <c:v>0</c:v>
                </c:pt>
                <c:pt idx="892">
                  <c:v>0</c:v>
                </c:pt>
                <c:pt idx="893">
                  <c:v>0</c:v>
                </c:pt>
                <c:pt idx="894">
                  <c:v>0</c:v>
                </c:pt>
                <c:pt idx="895">
                  <c:v>0</c:v>
                </c:pt>
                <c:pt idx="896">
                  <c:v>0</c:v>
                </c:pt>
                <c:pt idx="897">
                  <c:v>0</c:v>
                </c:pt>
                <c:pt idx="898">
                  <c:v>0</c:v>
                </c:pt>
                <c:pt idx="899">
                  <c:v>0</c:v>
                </c:pt>
                <c:pt idx="900">
                  <c:v>0</c:v>
                </c:pt>
                <c:pt idx="901">
                  <c:v>0</c:v>
                </c:pt>
                <c:pt idx="902">
                  <c:v>0</c:v>
                </c:pt>
                <c:pt idx="903">
                  <c:v>0</c:v>
                </c:pt>
                <c:pt idx="904">
                  <c:v>0</c:v>
                </c:pt>
                <c:pt idx="905">
                  <c:v>0</c:v>
                </c:pt>
                <c:pt idx="906">
                  <c:v>0</c:v>
                </c:pt>
                <c:pt idx="907">
                  <c:v>0</c:v>
                </c:pt>
                <c:pt idx="908">
                  <c:v>0</c:v>
                </c:pt>
                <c:pt idx="909">
                  <c:v>0</c:v>
                </c:pt>
                <c:pt idx="910">
                  <c:v>0</c:v>
                </c:pt>
                <c:pt idx="911">
                  <c:v>0</c:v>
                </c:pt>
                <c:pt idx="912">
                  <c:v>0</c:v>
                </c:pt>
                <c:pt idx="913">
                  <c:v>0</c:v>
                </c:pt>
                <c:pt idx="914">
                  <c:v>0</c:v>
                </c:pt>
                <c:pt idx="915">
                  <c:v>0</c:v>
                </c:pt>
                <c:pt idx="916">
                  <c:v>0</c:v>
                </c:pt>
                <c:pt idx="917">
                  <c:v>0</c:v>
                </c:pt>
                <c:pt idx="918">
                  <c:v>0</c:v>
                </c:pt>
                <c:pt idx="919">
                  <c:v>0</c:v>
                </c:pt>
                <c:pt idx="920">
                  <c:v>0</c:v>
                </c:pt>
                <c:pt idx="921">
                  <c:v>0</c:v>
                </c:pt>
                <c:pt idx="922">
                  <c:v>0</c:v>
                </c:pt>
                <c:pt idx="923">
                  <c:v>0</c:v>
                </c:pt>
                <c:pt idx="924">
                  <c:v>0</c:v>
                </c:pt>
                <c:pt idx="925">
                  <c:v>0</c:v>
                </c:pt>
                <c:pt idx="926">
                  <c:v>0</c:v>
                </c:pt>
                <c:pt idx="927">
                  <c:v>0</c:v>
                </c:pt>
                <c:pt idx="928">
                  <c:v>0</c:v>
                </c:pt>
                <c:pt idx="929">
                  <c:v>0</c:v>
                </c:pt>
                <c:pt idx="930">
                  <c:v>0</c:v>
                </c:pt>
                <c:pt idx="931">
                  <c:v>0</c:v>
                </c:pt>
                <c:pt idx="932">
                  <c:v>0</c:v>
                </c:pt>
                <c:pt idx="933">
                  <c:v>0</c:v>
                </c:pt>
                <c:pt idx="934">
                  <c:v>0</c:v>
                </c:pt>
                <c:pt idx="935">
                  <c:v>0</c:v>
                </c:pt>
                <c:pt idx="936">
                  <c:v>0</c:v>
                </c:pt>
                <c:pt idx="937">
                  <c:v>0</c:v>
                </c:pt>
                <c:pt idx="938">
                  <c:v>0</c:v>
                </c:pt>
                <c:pt idx="939">
                  <c:v>0</c:v>
                </c:pt>
                <c:pt idx="940">
                  <c:v>0</c:v>
                </c:pt>
                <c:pt idx="941">
                  <c:v>0</c:v>
                </c:pt>
                <c:pt idx="942">
                  <c:v>0</c:v>
                </c:pt>
                <c:pt idx="943">
                  <c:v>0</c:v>
                </c:pt>
                <c:pt idx="944">
                  <c:v>0</c:v>
                </c:pt>
                <c:pt idx="945">
                  <c:v>0</c:v>
                </c:pt>
                <c:pt idx="946">
                  <c:v>0</c:v>
                </c:pt>
                <c:pt idx="947">
                  <c:v>0</c:v>
                </c:pt>
                <c:pt idx="948">
                  <c:v>0</c:v>
                </c:pt>
                <c:pt idx="949">
                  <c:v>0</c:v>
                </c:pt>
                <c:pt idx="950">
                  <c:v>0</c:v>
                </c:pt>
                <c:pt idx="951">
                  <c:v>0</c:v>
                </c:pt>
                <c:pt idx="952">
                  <c:v>0</c:v>
                </c:pt>
                <c:pt idx="953">
                  <c:v>0</c:v>
                </c:pt>
                <c:pt idx="954">
                  <c:v>0</c:v>
                </c:pt>
                <c:pt idx="955">
                  <c:v>0</c:v>
                </c:pt>
                <c:pt idx="956">
                  <c:v>0</c:v>
                </c:pt>
                <c:pt idx="957">
                  <c:v>0</c:v>
                </c:pt>
                <c:pt idx="958">
                  <c:v>0</c:v>
                </c:pt>
                <c:pt idx="959">
                  <c:v>0</c:v>
                </c:pt>
                <c:pt idx="960">
                  <c:v>0</c:v>
                </c:pt>
                <c:pt idx="961">
                  <c:v>0</c:v>
                </c:pt>
                <c:pt idx="962">
                  <c:v>0</c:v>
                </c:pt>
                <c:pt idx="963">
                  <c:v>0</c:v>
                </c:pt>
                <c:pt idx="964">
                  <c:v>0</c:v>
                </c:pt>
                <c:pt idx="965">
                  <c:v>0</c:v>
                </c:pt>
                <c:pt idx="966">
                  <c:v>0</c:v>
                </c:pt>
                <c:pt idx="967">
                  <c:v>0</c:v>
                </c:pt>
                <c:pt idx="968">
                  <c:v>0</c:v>
                </c:pt>
                <c:pt idx="969">
                  <c:v>0</c:v>
                </c:pt>
                <c:pt idx="970">
                  <c:v>0</c:v>
                </c:pt>
                <c:pt idx="971">
                  <c:v>0</c:v>
                </c:pt>
                <c:pt idx="972">
                  <c:v>0</c:v>
                </c:pt>
                <c:pt idx="973">
                  <c:v>0</c:v>
                </c:pt>
                <c:pt idx="974">
                  <c:v>0</c:v>
                </c:pt>
                <c:pt idx="975">
                  <c:v>0</c:v>
                </c:pt>
                <c:pt idx="976">
                  <c:v>0</c:v>
                </c:pt>
                <c:pt idx="977">
                  <c:v>0</c:v>
                </c:pt>
                <c:pt idx="978">
                  <c:v>0</c:v>
                </c:pt>
                <c:pt idx="979">
                  <c:v>0</c:v>
                </c:pt>
                <c:pt idx="980">
                  <c:v>0</c:v>
                </c:pt>
                <c:pt idx="981">
                  <c:v>0</c:v>
                </c:pt>
                <c:pt idx="982">
                  <c:v>0</c:v>
                </c:pt>
                <c:pt idx="983">
                  <c:v>0</c:v>
                </c:pt>
                <c:pt idx="984">
                  <c:v>0</c:v>
                </c:pt>
                <c:pt idx="985">
                  <c:v>0</c:v>
                </c:pt>
                <c:pt idx="986">
                  <c:v>0</c:v>
                </c:pt>
                <c:pt idx="987">
                  <c:v>0</c:v>
                </c:pt>
                <c:pt idx="988">
                  <c:v>0</c:v>
                </c:pt>
                <c:pt idx="989">
                  <c:v>0</c:v>
                </c:pt>
                <c:pt idx="990">
                  <c:v>0</c:v>
                </c:pt>
                <c:pt idx="991">
                  <c:v>0</c:v>
                </c:pt>
                <c:pt idx="992">
                  <c:v>0</c:v>
                </c:pt>
                <c:pt idx="993">
                  <c:v>0</c:v>
                </c:pt>
                <c:pt idx="994">
                  <c:v>0</c:v>
                </c:pt>
                <c:pt idx="995">
                  <c:v>0</c:v>
                </c:pt>
                <c:pt idx="996">
                  <c:v>0</c:v>
                </c:pt>
                <c:pt idx="997">
                  <c:v>0</c:v>
                </c:pt>
                <c:pt idx="998">
                  <c:v>0</c:v>
                </c:pt>
                <c:pt idx="999">
                  <c:v>0</c:v>
                </c:pt>
                <c:pt idx="1000">
                  <c:v>0</c:v>
                </c:pt>
                <c:pt idx="1001">
                  <c:v>0</c:v>
                </c:pt>
                <c:pt idx="1002">
                  <c:v>0</c:v>
                </c:pt>
                <c:pt idx="1003">
                  <c:v>0</c:v>
                </c:pt>
                <c:pt idx="1004">
                  <c:v>0</c:v>
                </c:pt>
                <c:pt idx="1005">
                  <c:v>0</c:v>
                </c:pt>
                <c:pt idx="1006">
                  <c:v>0</c:v>
                </c:pt>
                <c:pt idx="1007">
                  <c:v>0</c:v>
                </c:pt>
                <c:pt idx="1008">
                  <c:v>0</c:v>
                </c:pt>
                <c:pt idx="1009">
                  <c:v>0</c:v>
                </c:pt>
                <c:pt idx="1010">
                  <c:v>0</c:v>
                </c:pt>
                <c:pt idx="1011">
                  <c:v>0</c:v>
                </c:pt>
                <c:pt idx="1012">
                  <c:v>0</c:v>
                </c:pt>
                <c:pt idx="1013">
                  <c:v>0</c:v>
                </c:pt>
                <c:pt idx="1014">
                  <c:v>0</c:v>
                </c:pt>
                <c:pt idx="1015">
                  <c:v>0</c:v>
                </c:pt>
                <c:pt idx="1016">
                  <c:v>0</c:v>
                </c:pt>
                <c:pt idx="1017">
                  <c:v>0</c:v>
                </c:pt>
                <c:pt idx="1018">
                  <c:v>0</c:v>
                </c:pt>
                <c:pt idx="1019">
                  <c:v>0</c:v>
                </c:pt>
                <c:pt idx="1020">
                  <c:v>0</c:v>
                </c:pt>
                <c:pt idx="1021">
                  <c:v>0</c:v>
                </c:pt>
                <c:pt idx="1022">
                  <c:v>0</c:v>
                </c:pt>
                <c:pt idx="1023">
                  <c:v>0</c:v>
                </c:pt>
                <c:pt idx="1024">
                  <c:v>0</c:v>
                </c:pt>
                <c:pt idx="1025">
                  <c:v>0</c:v>
                </c:pt>
                <c:pt idx="1026">
                  <c:v>0</c:v>
                </c:pt>
                <c:pt idx="1027">
                  <c:v>0</c:v>
                </c:pt>
                <c:pt idx="1028">
                  <c:v>0</c:v>
                </c:pt>
                <c:pt idx="1029">
                  <c:v>0</c:v>
                </c:pt>
                <c:pt idx="1030">
                  <c:v>0</c:v>
                </c:pt>
                <c:pt idx="1031">
                  <c:v>0</c:v>
                </c:pt>
                <c:pt idx="1032">
                  <c:v>0</c:v>
                </c:pt>
                <c:pt idx="1033">
                  <c:v>0</c:v>
                </c:pt>
                <c:pt idx="1034">
                  <c:v>0</c:v>
                </c:pt>
                <c:pt idx="1035">
                  <c:v>0</c:v>
                </c:pt>
                <c:pt idx="1036">
                  <c:v>0</c:v>
                </c:pt>
                <c:pt idx="1037">
                  <c:v>0</c:v>
                </c:pt>
                <c:pt idx="1038">
                  <c:v>0</c:v>
                </c:pt>
                <c:pt idx="1039">
                  <c:v>0</c:v>
                </c:pt>
                <c:pt idx="1040">
                  <c:v>0</c:v>
                </c:pt>
                <c:pt idx="1041">
                  <c:v>0</c:v>
                </c:pt>
                <c:pt idx="1042">
                  <c:v>0</c:v>
                </c:pt>
                <c:pt idx="1043">
                  <c:v>0</c:v>
                </c:pt>
                <c:pt idx="1044">
                  <c:v>0</c:v>
                </c:pt>
                <c:pt idx="1045">
                  <c:v>0</c:v>
                </c:pt>
                <c:pt idx="1046">
                  <c:v>0</c:v>
                </c:pt>
                <c:pt idx="1047">
                  <c:v>0</c:v>
                </c:pt>
                <c:pt idx="1048">
                  <c:v>0</c:v>
                </c:pt>
                <c:pt idx="1049">
                  <c:v>0</c:v>
                </c:pt>
              </c:numCache>
            </c:numRef>
          </c:val>
          <c:smooth val="0"/>
          <c:extLst>
            <c:ext xmlns:c16="http://schemas.microsoft.com/office/drawing/2014/chart" uri="{C3380CC4-5D6E-409C-BE32-E72D297353CC}">
              <c16:uniqueId val="{00000000-0E6C-4A91-B243-47E2B7D93B79}"/>
            </c:ext>
          </c:extLst>
        </c:ser>
        <c:ser>
          <c:idx val="1"/>
          <c:order val="1"/>
          <c:tx>
            <c:strRef>
              <c:f>'Swap Rates'!$C$2</c:f>
              <c:strCache>
                <c:ptCount val="1"/>
                <c:pt idx="0">
                  <c:v>5 year</c:v>
                </c:pt>
              </c:strCache>
            </c:strRef>
          </c:tx>
          <c:spPr>
            <a:ln w="28575" cap="rnd">
              <a:solidFill>
                <a:schemeClr val="accent2"/>
              </a:solidFill>
              <a:round/>
            </a:ln>
            <a:effectLst/>
          </c:spPr>
          <c:marker>
            <c:symbol val="none"/>
          </c:marker>
          <c:cat>
            <c:numRef>
              <c:f>'Swap Rates'!$A$3:$A$1052</c:f>
              <c:numCache>
                <c:formatCode>m/d/yyyy</c:formatCode>
                <c:ptCount val="1050"/>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pt idx="18">
                  <c:v>43849</c:v>
                </c:pt>
                <c:pt idx="19">
                  <c:v>43850</c:v>
                </c:pt>
                <c:pt idx="20">
                  <c:v>43851</c:v>
                </c:pt>
                <c:pt idx="21">
                  <c:v>43852</c:v>
                </c:pt>
                <c:pt idx="22">
                  <c:v>43853</c:v>
                </c:pt>
                <c:pt idx="23">
                  <c:v>43854</c:v>
                </c:pt>
                <c:pt idx="24">
                  <c:v>43855</c:v>
                </c:pt>
                <c:pt idx="25">
                  <c:v>43856</c:v>
                </c:pt>
                <c:pt idx="26">
                  <c:v>43857</c:v>
                </c:pt>
                <c:pt idx="27">
                  <c:v>43858</c:v>
                </c:pt>
                <c:pt idx="28">
                  <c:v>43859</c:v>
                </c:pt>
                <c:pt idx="29">
                  <c:v>43860</c:v>
                </c:pt>
                <c:pt idx="30">
                  <c:v>43861</c:v>
                </c:pt>
                <c:pt idx="31">
                  <c:v>43862</c:v>
                </c:pt>
                <c:pt idx="32">
                  <c:v>43863</c:v>
                </c:pt>
                <c:pt idx="33">
                  <c:v>43864</c:v>
                </c:pt>
                <c:pt idx="34">
                  <c:v>43865</c:v>
                </c:pt>
                <c:pt idx="35">
                  <c:v>43866</c:v>
                </c:pt>
                <c:pt idx="36">
                  <c:v>43867</c:v>
                </c:pt>
                <c:pt idx="37">
                  <c:v>43868</c:v>
                </c:pt>
                <c:pt idx="38">
                  <c:v>43869</c:v>
                </c:pt>
                <c:pt idx="39">
                  <c:v>43870</c:v>
                </c:pt>
                <c:pt idx="40">
                  <c:v>43871</c:v>
                </c:pt>
                <c:pt idx="41">
                  <c:v>43872</c:v>
                </c:pt>
                <c:pt idx="42">
                  <c:v>43873</c:v>
                </c:pt>
                <c:pt idx="43">
                  <c:v>43874</c:v>
                </c:pt>
                <c:pt idx="44">
                  <c:v>43875</c:v>
                </c:pt>
                <c:pt idx="45">
                  <c:v>43876</c:v>
                </c:pt>
                <c:pt idx="46">
                  <c:v>43877</c:v>
                </c:pt>
                <c:pt idx="47">
                  <c:v>43878</c:v>
                </c:pt>
                <c:pt idx="48">
                  <c:v>43879</c:v>
                </c:pt>
                <c:pt idx="49">
                  <c:v>43880</c:v>
                </c:pt>
                <c:pt idx="50">
                  <c:v>43881</c:v>
                </c:pt>
                <c:pt idx="51">
                  <c:v>43882</c:v>
                </c:pt>
                <c:pt idx="52">
                  <c:v>43883</c:v>
                </c:pt>
                <c:pt idx="53">
                  <c:v>43884</c:v>
                </c:pt>
                <c:pt idx="54">
                  <c:v>43885</c:v>
                </c:pt>
                <c:pt idx="55">
                  <c:v>43886</c:v>
                </c:pt>
                <c:pt idx="56">
                  <c:v>43887</c:v>
                </c:pt>
                <c:pt idx="57">
                  <c:v>43888</c:v>
                </c:pt>
                <c:pt idx="58">
                  <c:v>43889</c:v>
                </c:pt>
                <c:pt idx="59">
                  <c:v>43890</c:v>
                </c:pt>
                <c:pt idx="60">
                  <c:v>43891</c:v>
                </c:pt>
                <c:pt idx="61">
                  <c:v>43892</c:v>
                </c:pt>
                <c:pt idx="62">
                  <c:v>43893</c:v>
                </c:pt>
                <c:pt idx="63">
                  <c:v>43894</c:v>
                </c:pt>
                <c:pt idx="64">
                  <c:v>43895</c:v>
                </c:pt>
                <c:pt idx="65">
                  <c:v>43896</c:v>
                </c:pt>
                <c:pt idx="66">
                  <c:v>43897</c:v>
                </c:pt>
                <c:pt idx="67">
                  <c:v>43898</c:v>
                </c:pt>
                <c:pt idx="68">
                  <c:v>43899</c:v>
                </c:pt>
                <c:pt idx="69">
                  <c:v>43900</c:v>
                </c:pt>
                <c:pt idx="70">
                  <c:v>43901</c:v>
                </c:pt>
                <c:pt idx="71">
                  <c:v>43902</c:v>
                </c:pt>
                <c:pt idx="72">
                  <c:v>43903</c:v>
                </c:pt>
                <c:pt idx="73">
                  <c:v>43904</c:v>
                </c:pt>
                <c:pt idx="74">
                  <c:v>43905</c:v>
                </c:pt>
                <c:pt idx="75">
                  <c:v>43906</c:v>
                </c:pt>
                <c:pt idx="76">
                  <c:v>43907</c:v>
                </c:pt>
                <c:pt idx="77">
                  <c:v>43908</c:v>
                </c:pt>
                <c:pt idx="78">
                  <c:v>43909</c:v>
                </c:pt>
                <c:pt idx="79">
                  <c:v>43910</c:v>
                </c:pt>
                <c:pt idx="80">
                  <c:v>43911</c:v>
                </c:pt>
                <c:pt idx="81">
                  <c:v>43912</c:v>
                </c:pt>
                <c:pt idx="82">
                  <c:v>43913</c:v>
                </c:pt>
                <c:pt idx="83">
                  <c:v>43914</c:v>
                </c:pt>
                <c:pt idx="84">
                  <c:v>43915</c:v>
                </c:pt>
                <c:pt idx="85">
                  <c:v>43916</c:v>
                </c:pt>
                <c:pt idx="86">
                  <c:v>43917</c:v>
                </c:pt>
                <c:pt idx="87">
                  <c:v>43918</c:v>
                </c:pt>
                <c:pt idx="88">
                  <c:v>43919</c:v>
                </c:pt>
                <c:pt idx="89">
                  <c:v>43920</c:v>
                </c:pt>
                <c:pt idx="90">
                  <c:v>43921</c:v>
                </c:pt>
                <c:pt idx="91">
                  <c:v>43922</c:v>
                </c:pt>
                <c:pt idx="92">
                  <c:v>43923</c:v>
                </c:pt>
                <c:pt idx="93">
                  <c:v>43924</c:v>
                </c:pt>
                <c:pt idx="94">
                  <c:v>43925</c:v>
                </c:pt>
                <c:pt idx="95">
                  <c:v>43926</c:v>
                </c:pt>
                <c:pt idx="96">
                  <c:v>43927</c:v>
                </c:pt>
                <c:pt idx="97">
                  <c:v>43928</c:v>
                </c:pt>
                <c:pt idx="98">
                  <c:v>43929</c:v>
                </c:pt>
                <c:pt idx="99">
                  <c:v>43930</c:v>
                </c:pt>
                <c:pt idx="100">
                  <c:v>43931</c:v>
                </c:pt>
                <c:pt idx="101">
                  <c:v>43932</c:v>
                </c:pt>
                <c:pt idx="102">
                  <c:v>43933</c:v>
                </c:pt>
                <c:pt idx="103">
                  <c:v>43934</c:v>
                </c:pt>
                <c:pt idx="104">
                  <c:v>43935</c:v>
                </c:pt>
                <c:pt idx="105">
                  <c:v>43936</c:v>
                </c:pt>
                <c:pt idx="106">
                  <c:v>43937</c:v>
                </c:pt>
                <c:pt idx="107">
                  <c:v>43938</c:v>
                </c:pt>
                <c:pt idx="108">
                  <c:v>43939</c:v>
                </c:pt>
                <c:pt idx="109">
                  <c:v>43940</c:v>
                </c:pt>
                <c:pt idx="110">
                  <c:v>43941</c:v>
                </c:pt>
                <c:pt idx="111">
                  <c:v>43942</c:v>
                </c:pt>
                <c:pt idx="112">
                  <c:v>43943</c:v>
                </c:pt>
                <c:pt idx="113">
                  <c:v>43944</c:v>
                </c:pt>
                <c:pt idx="114">
                  <c:v>43945</c:v>
                </c:pt>
                <c:pt idx="115">
                  <c:v>43946</c:v>
                </c:pt>
                <c:pt idx="116">
                  <c:v>43947</c:v>
                </c:pt>
                <c:pt idx="117">
                  <c:v>43948</c:v>
                </c:pt>
                <c:pt idx="118">
                  <c:v>43949</c:v>
                </c:pt>
                <c:pt idx="119">
                  <c:v>43950</c:v>
                </c:pt>
                <c:pt idx="120">
                  <c:v>43951</c:v>
                </c:pt>
                <c:pt idx="121">
                  <c:v>43952</c:v>
                </c:pt>
                <c:pt idx="122">
                  <c:v>43953</c:v>
                </c:pt>
                <c:pt idx="123">
                  <c:v>43954</c:v>
                </c:pt>
                <c:pt idx="124">
                  <c:v>43955</c:v>
                </c:pt>
                <c:pt idx="125">
                  <c:v>43956</c:v>
                </c:pt>
                <c:pt idx="126">
                  <c:v>43957</c:v>
                </c:pt>
                <c:pt idx="127">
                  <c:v>43958</c:v>
                </c:pt>
                <c:pt idx="128">
                  <c:v>43959</c:v>
                </c:pt>
                <c:pt idx="129">
                  <c:v>43960</c:v>
                </c:pt>
                <c:pt idx="130">
                  <c:v>43961</c:v>
                </c:pt>
                <c:pt idx="131">
                  <c:v>43962</c:v>
                </c:pt>
                <c:pt idx="132">
                  <c:v>43963</c:v>
                </c:pt>
                <c:pt idx="133">
                  <c:v>43964</c:v>
                </c:pt>
                <c:pt idx="134">
                  <c:v>43965</c:v>
                </c:pt>
                <c:pt idx="135">
                  <c:v>43966</c:v>
                </c:pt>
                <c:pt idx="136">
                  <c:v>43967</c:v>
                </c:pt>
                <c:pt idx="137">
                  <c:v>43968</c:v>
                </c:pt>
                <c:pt idx="138">
                  <c:v>43969</c:v>
                </c:pt>
                <c:pt idx="139">
                  <c:v>43970</c:v>
                </c:pt>
                <c:pt idx="140">
                  <c:v>43971</c:v>
                </c:pt>
                <c:pt idx="141">
                  <c:v>43972</c:v>
                </c:pt>
                <c:pt idx="142">
                  <c:v>43973</c:v>
                </c:pt>
                <c:pt idx="143">
                  <c:v>43974</c:v>
                </c:pt>
                <c:pt idx="144">
                  <c:v>43975</c:v>
                </c:pt>
                <c:pt idx="145">
                  <c:v>43976</c:v>
                </c:pt>
                <c:pt idx="146">
                  <c:v>43977</c:v>
                </c:pt>
                <c:pt idx="147">
                  <c:v>43978</c:v>
                </c:pt>
                <c:pt idx="148">
                  <c:v>43979</c:v>
                </c:pt>
                <c:pt idx="149">
                  <c:v>43980</c:v>
                </c:pt>
                <c:pt idx="150">
                  <c:v>43981</c:v>
                </c:pt>
                <c:pt idx="151">
                  <c:v>43982</c:v>
                </c:pt>
                <c:pt idx="152">
                  <c:v>43983</c:v>
                </c:pt>
                <c:pt idx="153">
                  <c:v>43984</c:v>
                </c:pt>
                <c:pt idx="154">
                  <c:v>43985</c:v>
                </c:pt>
                <c:pt idx="155">
                  <c:v>43986</c:v>
                </c:pt>
                <c:pt idx="156">
                  <c:v>43987</c:v>
                </c:pt>
                <c:pt idx="157">
                  <c:v>43988</c:v>
                </c:pt>
                <c:pt idx="158">
                  <c:v>43989</c:v>
                </c:pt>
                <c:pt idx="159">
                  <c:v>43990</c:v>
                </c:pt>
                <c:pt idx="160">
                  <c:v>43991</c:v>
                </c:pt>
                <c:pt idx="161">
                  <c:v>43992</c:v>
                </c:pt>
                <c:pt idx="162">
                  <c:v>43993</c:v>
                </c:pt>
                <c:pt idx="163">
                  <c:v>43994</c:v>
                </c:pt>
                <c:pt idx="164">
                  <c:v>43995</c:v>
                </c:pt>
                <c:pt idx="165">
                  <c:v>43996</c:v>
                </c:pt>
                <c:pt idx="166">
                  <c:v>43997</c:v>
                </c:pt>
                <c:pt idx="167">
                  <c:v>43998</c:v>
                </c:pt>
                <c:pt idx="168">
                  <c:v>43999</c:v>
                </c:pt>
                <c:pt idx="169">
                  <c:v>44000</c:v>
                </c:pt>
                <c:pt idx="170">
                  <c:v>44001</c:v>
                </c:pt>
                <c:pt idx="171">
                  <c:v>44002</c:v>
                </c:pt>
                <c:pt idx="172">
                  <c:v>44003</c:v>
                </c:pt>
                <c:pt idx="173">
                  <c:v>44004</c:v>
                </c:pt>
                <c:pt idx="174">
                  <c:v>44005</c:v>
                </c:pt>
                <c:pt idx="175">
                  <c:v>44006</c:v>
                </c:pt>
                <c:pt idx="176">
                  <c:v>44007</c:v>
                </c:pt>
                <c:pt idx="177">
                  <c:v>44008</c:v>
                </c:pt>
                <c:pt idx="178">
                  <c:v>44009</c:v>
                </c:pt>
                <c:pt idx="179">
                  <c:v>44010</c:v>
                </c:pt>
                <c:pt idx="180">
                  <c:v>44011</c:v>
                </c:pt>
                <c:pt idx="181">
                  <c:v>44012</c:v>
                </c:pt>
                <c:pt idx="182">
                  <c:v>44013</c:v>
                </c:pt>
                <c:pt idx="183">
                  <c:v>44014</c:v>
                </c:pt>
                <c:pt idx="184">
                  <c:v>44015</c:v>
                </c:pt>
                <c:pt idx="185">
                  <c:v>44016</c:v>
                </c:pt>
                <c:pt idx="186">
                  <c:v>44017</c:v>
                </c:pt>
                <c:pt idx="187">
                  <c:v>44018</c:v>
                </c:pt>
                <c:pt idx="188">
                  <c:v>44019</c:v>
                </c:pt>
                <c:pt idx="189">
                  <c:v>44020</c:v>
                </c:pt>
                <c:pt idx="190">
                  <c:v>44021</c:v>
                </c:pt>
                <c:pt idx="191">
                  <c:v>44022</c:v>
                </c:pt>
                <c:pt idx="192">
                  <c:v>44023</c:v>
                </c:pt>
                <c:pt idx="193">
                  <c:v>44024</c:v>
                </c:pt>
                <c:pt idx="194">
                  <c:v>44025</c:v>
                </c:pt>
                <c:pt idx="195">
                  <c:v>44026</c:v>
                </c:pt>
                <c:pt idx="196">
                  <c:v>44027</c:v>
                </c:pt>
                <c:pt idx="197">
                  <c:v>44028</c:v>
                </c:pt>
                <c:pt idx="198">
                  <c:v>44029</c:v>
                </c:pt>
                <c:pt idx="199">
                  <c:v>44030</c:v>
                </c:pt>
                <c:pt idx="200">
                  <c:v>44031</c:v>
                </c:pt>
                <c:pt idx="201">
                  <c:v>44032</c:v>
                </c:pt>
                <c:pt idx="202">
                  <c:v>44033</c:v>
                </c:pt>
                <c:pt idx="203">
                  <c:v>44034</c:v>
                </c:pt>
                <c:pt idx="204">
                  <c:v>44035</c:v>
                </c:pt>
                <c:pt idx="205">
                  <c:v>44036</c:v>
                </c:pt>
                <c:pt idx="206">
                  <c:v>44037</c:v>
                </c:pt>
                <c:pt idx="207">
                  <c:v>44038</c:v>
                </c:pt>
                <c:pt idx="208">
                  <c:v>44039</c:v>
                </c:pt>
                <c:pt idx="209">
                  <c:v>44040</c:v>
                </c:pt>
                <c:pt idx="210">
                  <c:v>44041</c:v>
                </c:pt>
                <c:pt idx="211">
                  <c:v>44042</c:v>
                </c:pt>
                <c:pt idx="212">
                  <c:v>44043</c:v>
                </c:pt>
                <c:pt idx="213">
                  <c:v>44044</c:v>
                </c:pt>
                <c:pt idx="214">
                  <c:v>44045</c:v>
                </c:pt>
                <c:pt idx="215">
                  <c:v>44046</c:v>
                </c:pt>
                <c:pt idx="216">
                  <c:v>44047</c:v>
                </c:pt>
                <c:pt idx="217">
                  <c:v>44048</c:v>
                </c:pt>
                <c:pt idx="218">
                  <c:v>44049</c:v>
                </c:pt>
                <c:pt idx="219">
                  <c:v>44050</c:v>
                </c:pt>
                <c:pt idx="220">
                  <c:v>44051</c:v>
                </c:pt>
                <c:pt idx="221">
                  <c:v>44052</c:v>
                </c:pt>
                <c:pt idx="222">
                  <c:v>44053</c:v>
                </c:pt>
                <c:pt idx="223">
                  <c:v>44054</c:v>
                </c:pt>
                <c:pt idx="224">
                  <c:v>44055</c:v>
                </c:pt>
                <c:pt idx="225">
                  <c:v>44056</c:v>
                </c:pt>
                <c:pt idx="226">
                  <c:v>44057</c:v>
                </c:pt>
                <c:pt idx="227">
                  <c:v>44058</c:v>
                </c:pt>
                <c:pt idx="228">
                  <c:v>44059</c:v>
                </c:pt>
                <c:pt idx="229">
                  <c:v>44060</c:v>
                </c:pt>
                <c:pt idx="230">
                  <c:v>44061</c:v>
                </c:pt>
                <c:pt idx="231">
                  <c:v>44062</c:v>
                </c:pt>
                <c:pt idx="232">
                  <c:v>44063</c:v>
                </c:pt>
                <c:pt idx="233">
                  <c:v>44064</c:v>
                </c:pt>
                <c:pt idx="234">
                  <c:v>44065</c:v>
                </c:pt>
                <c:pt idx="235">
                  <c:v>44066</c:v>
                </c:pt>
                <c:pt idx="236">
                  <c:v>44067</c:v>
                </c:pt>
                <c:pt idx="237">
                  <c:v>44068</c:v>
                </c:pt>
                <c:pt idx="238">
                  <c:v>44069</c:v>
                </c:pt>
                <c:pt idx="239">
                  <c:v>44070</c:v>
                </c:pt>
                <c:pt idx="240">
                  <c:v>44071</c:v>
                </c:pt>
                <c:pt idx="241">
                  <c:v>44072</c:v>
                </c:pt>
                <c:pt idx="242">
                  <c:v>44073</c:v>
                </c:pt>
                <c:pt idx="243">
                  <c:v>44074</c:v>
                </c:pt>
                <c:pt idx="244">
                  <c:v>44075</c:v>
                </c:pt>
                <c:pt idx="245">
                  <c:v>44076</c:v>
                </c:pt>
                <c:pt idx="246">
                  <c:v>44077</c:v>
                </c:pt>
                <c:pt idx="247">
                  <c:v>44078</c:v>
                </c:pt>
                <c:pt idx="248">
                  <c:v>44079</c:v>
                </c:pt>
                <c:pt idx="249">
                  <c:v>44080</c:v>
                </c:pt>
                <c:pt idx="250">
                  <c:v>44081</c:v>
                </c:pt>
                <c:pt idx="251">
                  <c:v>44082</c:v>
                </c:pt>
                <c:pt idx="252">
                  <c:v>44083</c:v>
                </c:pt>
                <c:pt idx="253">
                  <c:v>44084</c:v>
                </c:pt>
                <c:pt idx="254">
                  <c:v>44085</c:v>
                </c:pt>
                <c:pt idx="255">
                  <c:v>44086</c:v>
                </c:pt>
                <c:pt idx="256">
                  <c:v>44087</c:v>
                </c:pt>
                <c:pt idx="257">
                  <c:v>44088</c:v>
                </c:pt>
                <c:pt idx="258">
                  <c:v>44089</c:v>
                </c:pt>
                <c:pt idx="259">
                  <c:v>44090</c:v>
                </c:pt>
                <c:pt idx="260">
                  <c:v>44091</c:v>
                </c:pt>
                <c:pt idx="261">
                  <c:v>44092</c:v>
                </c:pt>
                <c:pt idx="262">
                  <c:v>44093</c:v>
                </c:pt>
                <c:pt idx="263">
                  <c:v>44094</c:v>
                </c:pt>
                <c:pt idx="264">
                  <c:v>44095</c:v>
                </c:pt>
                <c:pt idx="265">
                  <c:v>44096</c:v>
                </c:pt>
                <c:pt idx="266">
                  <c:v>44097</c:v>
                </c:pt>
                <c:pt idx="267">
                  <c:v>44098</c:v>
                </c:pt>
                <c:pt idx="268">
                  <c:v>44099</c:v>
                </c:pt>
                <c:pt idx="269">
                  <c:v>44100</c:v>
                </c:pt>
                <c:pt idx="270">
                  <c:v>44101</c:v>
                </c:pt>
                <c:pt idx="271">
                  <c:v>44102</c:v>
                </c:pt>
                <c:pt idx="272">
                  <c:v>44103</c:v>
                </c:pt>
                <c:pt idx="273">
                  <c:v>44104</c:v>
                </c:pt>
                <c:pt idx="274">
                  <c:v>44105</c:v>
                </c:pt>
                <c:pt idx="275">
                  <c:v>44106</c:v>
                </c:pt>
                <c:pt idx="276">
                  <c:v>44107</c:v>
                </c:pt>
                <c:pt idx="277">
                  <c:v>44108</c:v>
                </c:pt>
                <c:pt idx="278">
                  <c:v>44109</c:v>
                </c:pt>
                <c:pt idx="279">
                  <c:v>44110</c:v>
                </c:pt>
                <c:pt idx="280">
                  <c:v>44111</c:v>
                </c:pt>
                <c:pt idx="281">
                  <c:v>44112</c:v>
                </c:pt>
                <c:pt idx="282">
                  <c:v>44113</c:v>
                </c:pt>
                <c:pt idx="283">
                  <c:v>44114</c:v>
                </c:pt>
                <c:pt idx="284">
                  <c:v>44115</c:v>
                </c:pt>
                <c:pt idx="285">
                  <c:v>44116</c:v>
                </c:pt>
                <c:pt idx="286">
                  <c:v>44117</c:v>
                </c:pt>
                <c:pt idx="287">
                  <c:v>44118</c:v>
                </c:pt>
                <c:pt idx="288">
                  <c:v>44119</c:v>
                </c:pt>
                <c:pt idx="289">
                  <c:v>44120</c:v>
                </c:pt>
                <c:pt idx="290">
                  <c:v>44121</c:v>
                </c:pt>
                <c:pt idx="291">
                  <c:v>44122</c:v>
                </c:pt>
                <c:pt idx="292">
                  <c:v>44123</c:v>
                </c:pt>
                <c:pt idx="293">
                  <c:v>44124</c:v>
                </c:pt>
                <c:pt idx="294">
                  <c:v>44125</c:v>
                </c:pt>
                <c:pt idx="295">
                  <c:v>44126</c:v>
                </c:pt>
                <c:pt idx="296">
                  <c:v>44127</c:v>
                </c:pt>
                <c:pt idx="297">
                  <c:v>44128</c:v>
                </c:pt>
                <c:pt idx="298">
                  <c:v>44129</c:v>
                </c:pt>
                <c:pt idx="299">
                  <c:v>44130</c:v>
                </c:pt>
                <c:pt idx="300">
                  <c:v>44131</c:v>
                </c:pt>
                <c:pt idx="301">
                  <c:v>44132</c:v>
                </c:pt>
                <c:pt idx="302">
                  <c:v>44133</c:v>
                </c:pt>
                <c:pt idx="303">
                  <c:v>44134</c:v>
                </c:pt>
                <c:pt idx="304">
                  <c:v>44135</c:v>
                </c:pt>
                <c:pt idx="305">
                  <c:v>44136</c:v>
                </c:pt>
                <c:pt idx="306">
                  <c:v>44137</c:v>
                </c:pt>
                <c:pt idx="307">
                  <c:v>44138</c:v>
                </c:pt>
                <c:pt idx="308">
                  <c:v>44139</c:v>
                </c:pt>
                <c:pt idx="309">
                  <c:v>44140</c:v>
                </c:pt>
                <c:pt idx="310">
                  <c:v>44141</c:v>
                </c:pt>
                <c:pt idx="311">
                  <c:v>44142</c:v>
                </c:pt>
                <c:pt idx="312">
                  <c:v>44143</c:v>
                </c:pt>
                <c:pt idx="313">
                  <c:v>44144</c:v>
                </c:pt>
                <c:pt idx="314">
                  <c:v>44145</c:v>
                </c:pt>
                <c:pt idx="315">
                  <c:v>44146</c:v>
                </c:pt>
                <c:pt idx="316">
                  <c:v>44147</c:v>
                </c:pt>
                <c:pt idx="317">
                  <c:v>44148</c:v>
                </c:pt>
                <c:pt idx="318">
                  <c:v>44149</c:v>
                </c:pt>
                <c:pt idx="319">
                  <c:v>44150</c:v>
                </c:pt>
                <c:pt idx="320">
                  <c:v>44151</c:v>
                </c:pt>
                <c:pt idx="321">
                  <c:v>44152</c:v>
                </c:pt>
                <c:pt idx="322">
                  <c:v>44153</c:v>
                </c:pt>
                <c:pt idx="323">
                  <c:v>44154</c:v>
                </c:pt>
                <c:pt idx="324">
                  <c:v>44155</c:v>
                </c:pt>
                <c:pt idx="325">
                  <c:v>44156</c:v>
                </c:pt>
                <c:pt idx="326">
                  <c:v>44157</c:v>
                </c:pt>
                <c:pt idx="327">
                  <c:v>44158</c:v>
                </c:pt>
                <c:pt idx="328">
                  <c:v>44159</c:v>
                </c:pt>
                <c:pt idx="329">
                  <c:v>44160</c:v>
                </c:pt>
                <c:pt idx="330">
                  <c:v>44161</c:v>
                </c:pt>
                <c:pt idx="331">
                  <c:v>44162</c:v>
                </c:pt>
                <c:pt idx="332">
                  <c:v>44163</c:v>
                </c:pt>
                <c:pt idx="333">
                  <c:v>44164</c:v>
                </c:pt>
                <c:pt idx="334">
                  <c:v>44165</c:v>
                </c:pt>
                <c:pt idx="335">
                  <c:v>44166</c:v>
                </c:pt>
                <c:pt idx="336">
                  <c:v>44167</c:v>
                </c:pt>
                <c:pt idx="337">
                  <c:v>44168</c:v>
                </c:pt>
                <c:pt idx="338">
                  <c:v>44169</c:v>
                </c:pt>
                <c:pt idx="339">
                  <c:v>44170</c:v>
                </c:pt>
                <c:pt idx="340">
                  <c:v>44171</c:v>
                </c:pt>
                <c:pt idx="341">
                  <c:v>44172</c:v>
                </c:pt>
                <c:pt idx="342">
                  <c:v>44173</c:v>
                </c:pt>
                <c:pt idx="343">
                  <c:v>44174</c:v>
                </c:pt>
                <c:pt idx="344">
                  <c:v>44175</c:v>
                </c:pt>
                <c:pt idx="345">
                  <c:v>44176</c:v>
                </c:pt>
                <c:pt idx="346">
                  <c:v>44177</c:v>
                </c:pt>
                <c:pt idx="347">
                  <c:v>44178</c:v>
                </c:pt>
                <c:pt idx="348">
                  <c:v>44179</c:v>
                </c:pt>
                <c:pt idx="349">
                  <c:v>44180</c:v>
                </c:pt>
                <c:pt idx="350">
                  <c:v>44181</c:v>
                </c:pt>
                <c:pt idx="351">
                  <c:v>44182</c:v>
                </c:pt>
                <c:pt idx="352">
                  <c:v>44183</c:v>
                </c:pt>
                <c:pt idx="353">
                  <c:v>44184</c:v>
                </c:pt>
                <c:pt idx="354">
                  <c:v>44185</c:v>
                </c:pt>
                <c:pt idx="355">
                  <c:v>44186</c:v>
                </c:pt>
                <c:pt idx="356">
                  <c:v>44187</c:v>
                </c:pt>
                <c:pt idx="357">
                  <c:v>44188</c:v>
                </c:pt>
                <c:pt idx="358">
                  <c:v>44189</c:v>
                </c:pt>
                <c:pt idx="359">
                  <c:v>44190</c:v>
                </c:pt>
                <c:pt idx="360">
                  <c:v>44191</c:v>
                </c:pt>
                <c:pt idx="361">
                  <c:v>44192</c:v>
                </c:pt>
                <c:pt idx="362">
                  <c:v>44193</c:v>
                </c:pt>
                <c:pt idx="363">
                  <c:v>44194</c:v>
                </c:pt>
                <c:pt idx="364">
                  <c:v>44195</c:v>
                </c:pt>
                <c:pt idx="365">
                  <c:v>44196</c:v>
                </c:pt>
                <c:pt idx="366">
                  <c:v>44197</c:v>
                </c:pt>
                <c:pt idx="367">
                  <c:v>44198</c:v>
                </c:pt>
                <c:pt idx="368">
                  <c:v>44199</c:v>
                </c:pt>
                <c:pt idx="369">
                  <c:v>44200</c:v>
                </c:pt>
                <c:pt idx="370">
                  <c:v>44201</c:v>
                </c:pt>
                <c:pt idx="371">
                  <c:v>44202</c:v>
                </c:pt>
                <c:pt idx="372">
                  <c:v>44203</c:v>
                </c:pt>
                <c:pt idx="373">
                  <c:v>44204</c:v>
                </c:pt>
                <c:pt idx="374">
                  <c:v>44205</c:v>
                </c:pt>
                <c:pt idx="375">
                  <c:v>44206</c:v>
                </c:pt>
                <c:pt idx="376">
                  <c:v>44207</c:v>
                </c:pt>
                <c:pt idx="377">
                  <c:v>44208</c:v>
                </c:pt>
                <c:pt idx="378">
                  <c:v>44209</c:v>
                </c:pt>
                <c:pt idx="379">
                  <c:v>44210</c:v>
                </c:pt>
                <c:pt idx="380">
                  <c:v>44211</c:v>
                </c:pt>
                <c:pt idx="381">
                  <c:v>44212</c:v>
                </c:pt>
                <c:pt idx="382">
                  <c:v>44213</c:v>
                </c:pt>
                <c:pt idx="383">
                  <c:v>44214</c:v>
                </c:pt>
                <c:pt idx="384">
                  <c:v>44215</c:v>
                </c:pt>
                <c:pt idx="385">
                  <c:v>44216</c:v>
                </c:pt>
                <c:pt idx="386">
                  <c:v>44217</c:v>
                </c:pt>
                <c:pt idx="387">
                  <c:v>44218</c:v>
                </c:pt>
                <c:pt idx="388">
                  <c:v>44219</c:v>
                </c:pt>
                <c:pt idx="389">
                  <c:v>44220</c:v>
                </c:pt>
                <c:pt idx="390">
                  <c:v>44221</c:v>
                </c:pt>
                <c:pt idx="391">
                  <c:v>44222</c:v>
                </c:pt>
                <c:pt idx="392">
                  <c:v>44223</c:v>
                </c:pt>
                <c:pt idx="393">
                  <c:v>44224</c:v>
                </c:pt>
                <c:pt idx="394">
                  <c:v>44225</c:v>
                </c:pt>
                <c:pt idx="395">
                  <c:v>44226</c:v>
                </c:pt>
                <c:pt idx="396">
                  <c:v>44227</c:v>
                </c:pt>
                <c:pt idx="397">
                  <c:v>44228</c:v>
                </c:pt>
                <c:pt idx="398">
                  <c:v>44229</c:v>
                </c:pt>
                <c:pt idx="399">
                  <c:v>44230</c:v>
                </c:pt>
                <c:pt idx="400">
                  <c:v>44231</c:v>
                </c:pt>
                <c:pt idx="401">
                  <c:v>44232</c:v>
                </c:pt>
                <c:pt idx="402">
                  <c:v>44233</c:v>
                </c:pt>
                <c:pt idx="403">
                  <c:v>44234</c:v>
                </c:pt>
                <c:pt idx="404">
                  <c:v>44235</c:v>
                </c:pt>
                <c:pt idx="405">
                  <c:v>44236</c:v>
                </c:pt>
                <c:pt idx="406">
                  <c:v>44237</c:v>
                </c:pt>
                <c:pt idx="407">
                  <c:v>44238</c:v>
                </c:pt>
                <c:pt idx="408">
                  <c:v>44239</c:v>
                </c:pt>
                <c:pt idx="409">
                  <c:v>44240</c:v>
                </c:pt>
                <c:pt idx="410">
                  <c:v>44241</c:v>
                </c:pt>
                <c:pt idx="411">
                  <c:v>44242</c:v>
                </c:pt>
                <c:pt idx="412">
                  <c:v>44243</c:v>
                </c:pt>
                <c:pt idx="413">
                  <c:v>44244</c:v>
                </c:pt>
                <c:pt idx="414">
                  <c:v>44245</c:v>
                </c:pt>
                <c:pt idx="415">
                  <c:v>44246</c:v>
                </c:pt>
                <c:pt idx="416">
                  <c:v>44247</c:v>
                </c:pt>
                <c:pt idx="417">
                  <c:v>44248</c:v>
                </c:pt>
                <c:pt idx="418">
                  <c:v>44249</c:v>
                </c:pt>
                <c:pt idx="419">
                  <c:v>44250</c:v>
                </c:pt>
                <c:pt idx="420">
                  <c:v>44251</c:v>
                </c:pt>
                <c:pt idx="421">
                  <c:v>44252</c:v>
                </c:pt>
                <c:pt idx="422">
                  <c:v>44253</c:v>
                </c:pt>
                <c:pt idx="423">
                  <c:v>44254</c:v>
                </c:pt>
                <c:pt idx="424">
                  <c:v>44255</c:v>
                </c:pt>
                <c:pt idx="425">
                  <c:v>44256</c:v>
                </c:pt>
                <c:pt idx="426">
                  <c:v>44257</c:v>
                </c:pt>
                <c:pt idx="427">
                  <c:v>44258</c:v>
                </c:pt>
                <c:pt idx="428">
                  <c:v>44259</c:v>
                </c:pt>
                <c:pt idx="429">
                  <c:v>44260</c:v>
                </c:pt>
                <c:pt idx="430">
                  <c:v>44261</c:v>
                </c:pt>
                <c:pt idx="431">
                  <c:v>44262</c:v>
                </c:pt>
                <c:pt idx="432">
                  <c:v>44263</c:v>
                </c:pt>
                <c:pt idx="433">
                  <c:v>44264</c:v>
                </c:pt>
                <c:pt idx="434">
                  <c:v>44265</c:v>
                </c:pt>
                <c:pt idx="435">
                  <c:v>44266</c:v>
                </c:pt>
                <c:pt idx="436">
                  <c:v>44267</c:v>
                </c:pt>
                <c:pt idx="437">
                  <c:v>44268</c:v>
                </c:pt>
                <c:pt idx="438">
                  <c:v>44269</c:v>
                </c:pt>
                <c:pt idx="439">
                  <c:v>44270</c:v>
                </c:pt>
                <c:pt idx="440">
                  <c:v>44271</c:v>
                </c:pt>
                <c:pt idx="441">
                  <c:v>44272</c:v>
                </c:pt>
                <c:pt idx="442">
                  <c:v>44273</c:v>
                </c:pt>
                <c:pt idx="443">
                  <c:v>44274</c:v>
                </c:pt>
                <c:pt idx="444">
                  <c:v>44275</c:v>
                </c:pt>
                <c:pt idx="445">
                  <c:v>44276</c:v>
                </c:pt>
                <c:pt idx="446">
                  <c:v>44277</c:v>
                </c:pt>
                <c:pt idx="447">
                  <c:v>44278</c:v>
                </c:pt>
                <c:pt idx="448">
                  <c:v>44279</c:v>
                </c:pt>
                <c:pt idx="449">
                  <c:v>44280</c:v>
                </c:pt>
                <c:pt idx="450">
                  <c:v>44281</c:v>
                </c:pt>
                <c:pt idx="451">
                  <c:v>44282</c:v>
                </c:pt>
                <c:pt idx="452">
                  <c:v>44283</c:v>
                </c:pt>
                <c:pt idx="453">
                  <c:v>44284</c:v>
                </c:pt>
                <c:pt idx="454">
                  <c:v>44285</c:v>
                </c:pt>
                <c:pt idx="455">
                  <c:v>44286</c:v>
                </c:pt>
                <c:pt idx="456">
                  <c:v>44287</c:v>
                </c:pt>
                <c:pt idx="457">
                  <c:v>44288</c:v>
                </c:pt>
                <c:pt idx="458">
                  <c:v>44289</c:v>
                </c:pt>
                <c:pt idx="459">
                  <c:v>44290</c:v>
                </c:pt>
                <c:pt idx="460">
                  <c:v>44291</c:v>
                </c:pt>
                <c:pt idx="461">
                  <c:v>44292</c:v>
                </c:pt>
                <c:pt idx="462">
                  <c:v>44293</c:v>
                </c:pt>
                <c:pt idx="463">
                  <c:v>44294</c:v>
                </c:pt>
                <c:pt idx="464">
                  <c:v>44295</c:v>
                </c:pt>
                <c:pt idx="465">
                  <c:v>44296</c:v>
                </c:pt>
                <c:pt idx="466">
                  <c:v>44297</c:v>
                </c:pt>
                <c:pt idx="467">
                  <c:v>44298</c:v>
                </c:pt>
                <c:pt idx="468">
                  <c:v>44299</c:v>
                </c:pt>
                <c:pt idx="469">
                  <c:v>44300</c:v>
                </c:pt>
                <c:pt idx="470">
                  <c:v>44301</c:v>
                </c:pt>
                <c:pt idx="471">
                  <c:v>44302</c:v>
                </c:pt>
                <c:pt idx="472">
                  <c:v>44303</c:v>
                </c:pt>
                <c:pt idx="473">
                  <c:v>44304</c:v>
                </c:pt>
                <c:pt idx="474">
                  <c:v>44305</c:v>
                </c:pt>
                <c:pt idx="475">
                  <c:v>44306</c:v>
                </c:pt>
                <c:pt idx="476">
                  <c:v>44307</c:v>
                </c:pt>
                <c:pt idx="477">
                  <c:v>44308</c:v>
                </c:pt>
                <c:pt idx="478">
                  <c:v>44309</c:v>
                </c:pt>
                <c:pt idx="479">
                  <c:v>44310</c:v>
                </c:pt>
                <c:pt idx="480">
                  <c:v>44311</c:v>
                </c:pt>
                <c:pt idx="481">
                  <c:v>44312</c:v>
                </c:pt>
                <c:pt idx="482">
                  <c:v>44313</c:v>
                </c:pt>
                <c:pt idx="483">
                  <c:v>44314</c:v>
                </c:pt>
                <c:pt idx="484">
                  <c:v>44315</c:v>
                </c:pt>
                <c:pt idx="485">
                  <c:v>44316</c:v>
                </c:pt>
                <c:pt idx="486">
                  <c:v>44317</c:v>
                </c:pt>
                <c:pt idx="487">
                  <c:v>44318</c:v>
                </c:pt>
                <c:pt idx="488">
                  <c:v>44319</c:v>
                </c:pt>
                <c:pt idx="489">
                  <c:v>44320</c:v>
                </c:pt>
                <c:pt idx="490">
                  <c:v>44321</c:v>
                </c:pt>
                <c:pt idx="491">
                  <c:v>44322</c:v>
                </c:pt>
                <c:pt idx="492">
                  <c:v>44323</c:v>
                </c:pt>
                <c:pt idx="493">
                  <c:v>44324</c:v>
                </c:pt>
                <c:pt idx="494">
                  <c:v>44325</c:v>
                </c:pt>
                <c:pt idx="495">
                  <c:v>44326</c:v>
                </c:pt>
                <c:pt idx="496">
                  <c:v>44327</c:v>
                </c:pt>
                <c:pt idx="497">
                  <c:v>44328</c:v>
                </c:pt>
                <c:pt idx="498">
                  <c:v>44329</c:v>
                </c:pt>
                <c:pt idx="499">
                  <c:v>44330</c:v>
                </c:pt>
                <c:pt idx="500">
                  <c:v>44331</c:v>
                </c:pt>
                <c:pt idx="501">
                  <c:v>44332</c:v>
                </c:pt>
                <c:pt idx="502">
                  <c:v>44333</c:v>
                </c:pt>
                <c:pt idx="503">
                  <c:v>44334</c:v>
                </c:pt>
                <c:pt idx="504">
                  <c:v>44335</c:v>
                </c:pt>
                <c:pt idx="505">
                  <c:v>44336</c:v>
                </c:pt>
                <c:pt idx="506">
                  <c:v>44337</c:v>
                </c:pt>
                <c:pt idx="507">
                  <c:v>44338</c:v>
                </c:pt>
                <c:pt idx="508">
                  <c:v>44339</c:v>
                </c:pt>
                <c:pt idx="509">
                  <c:v>44340</c:v>
                </c:pt>
                <c:pt idx="510">
                  <c:v>44341</c:v>
                </c:pt>
                <c:pt idx="511">
                  <c:v>44342</c:v>
                </c:pt>
                <c:pt idx="512">
                  <c:v>44343</c:v>
                </c:pt>
                <c:pt idx="513">
                  <c:v>44344</c:v>
                </c:pt>
                <c:pt idx="514">
                  <c:v>44345</c:v>
                </c:pt>
                <c:pt idx="515">
                  <c:v>44346</c:v>
                </c:pt>
                <c:pt idx="516">
                  <c:v>44347</c:v>
                </c:pt>
                <c:pt idx="517">
                  <c:v>44348</c:v>
                </c:pt>
                <c:pt idx="518">
                  <c:v>44349</c:v>
                </c:pt>
                <c:pt idx="519">
                  <c:v>44350</c:v>
                </c:pt>
                <c:pt idx="520">
                  <c:v>44351</c:v>
                </c:pt>
                <c:pt idx="521">
                  <c:v>44352</c:v>
                </c:pt>
                <c:pt idx="522">
                  <c:v>44353</c:v>
                </c:pt>
                <c:pt idx="523">
                  <c:v>44354</c:v>
                </c:pt>
                <c:pt idx="524">
                  <c:v>44355</c:v>
                </c:pt>
                <c:pt idx="525">
                  <c:v>44356</c:v>
                </c:pt>
                <c:pt idx="526">
                  <c:v>44357</c:v>
                </c:pt>
                <c:pt idx="527">
                  <c:v>44358</c:v>
                </c:pt>
                <c:pt idx="528">
                  <c:v>44359</c:v>
                </c:pt>
                <c:pt idx="529">
                  <c:v>44360</c:v>
                </c:pt>
                <c:pt idx="530">
                  <c:v>44361</c:v>
                </c:pt>
                <c:pt idx="531">
                  <c:v>44362</c:v>
                </c:pt>
                <c:pt idx="532">
                  <c:v>44363</c:v>
                </c:pt>
                <c:pt idx="533">
                  <c:v>44364</c:v>
                </c:pt>
                <c:pt idx="534">
                  <c:v>44365</c:v>
                </c:pt>
                <c:pt idx="535">
                  <c:v>44366</c:v>
                </c:pt>
                <c:pt idx="536">
                  <c:v>44367</c:v>
                </c:pt>
                <c:pt idx="537">
                  <c:v>44368</c:v>
                </c:pt>
                <c:pt idx="538">
                  <c:v>44369</c:v>
                </c:pt>
                <c:pt idx="539">
                  <c:v>44370</c:v>
                </c:pt>
                <c:pt idx="540">
                  <c:v>44371</c:v>
                </c:pt>
                <c:pt idx="541">
                  <c:v>44372</c:v>
                </c:pt>
                <c:pt idx="542">
                  <c:v>44373</c:v>
                </c:pt>
                <c:pt idx="543">
                  <c:v>44374</c:v>
                </c:pt>
                <c:pt idx="544">
                  <c:v>44375</c:v>
                </c:pt>
                <c:pt idx="545">
                  <c:v>44376</c:v>
                </c:pt>
                <c:pt idx="546">
                  <c:v>44377</c:v>
                </c:pt>
                <c:pt idx="547">
                  <c:v>44378</c:v>
                </c:pt>
                <c:pt idx="548">
                  <c:v>44379</c:v>
                </c:pt>
                <c:pt idx="549">
                  <c:v>44380</c:v>
                </c:pt>
                <c:pt idx="550">
                  <c:v>44381</c:v>
                </c:pt>
                <c:pt idx="551">
                  <c:v>44382</c:v>
                </c:pt>
                <c:pt idx="552">
                  <c:v>44383</c:v>
                </c:pt>
                <c:pt idx="553">
                  <c:v>44384</c:v>
                </c:pt>
                <c:pt idx="554">
                  <c:v>44385</c:v>
                </c:pt>
                <c:pt idx="555">
                  <c:v>44386</c:v>
                </c:pt>
                <c:pt idx="556">
                  <c:v>44387</c:v>
                </c:pt>
                <c:pt idx="557">
                  <c:v>44388</c:v>
                </c:pt>
                <c:pt idx="558">
                  <c:v>44389</c:v>
                </c:pt>
                <c:pt idx="559">
                  <c:v>44390</c:v>
                </c:pt>
                <c:pt idx="560">
                  <c:v>44391</c:v>
                </c:pt>
                <c:pt idx="561">
                  <c:v>44392</c:v>
                </c:pt>
                <c:pt idx="562">
                  <c:v>44393</c:v>
                </c:pt>
                <c:pt idx="563">
                  <c:v>44394</c:v>
                </c:pt>
                <c:pt idx="564">
                  <c:v>44395</c:v>
                </c:pt>
                <c:pt idx="565">
                  <c:v>44396</c:v>
                </c:pt>
                <c:pt idx="566">
                  <c:v>44397</c:v>
                </c:pt>
                <c:pt idx="567">
                  <c:v>44398</c:v>
                </c:pt>
                <c:pt idx="568">
                  <c:v>44399</c:v>
                </c:pt>
                <c:pt idx="569">
                  <c:v>44400</c:v>
                </c:pt>
                <c:pt idx="570">
                  <c:v>44401</c:v>
                </c:pt>
                <c:pt idx="571">
                  <c:v>44402</c:v>
                </c:pt>
                <c:pt idx="572">
                  <c:v>44403</c:v>
                </c:pt>
                <c:pt idx="573">
                  <c:v>44404</c:v>
                </c:pt>
                <c:pt idx="574">
                  <c:v>44405</c:v>
                </c:pt>
                <c:pt idx="575">
                  <c:v>44406</c:v>
                </c:pt>
                <c:pt idx="576">
                  <c:v>44407</c:v>
                </c:pt>
                <c:pt idx="577">
                  <c:v>44408</c:v>
                </c:pt>
                <c:pt idx="578">
                  <c:v>44409</c:v>
                </c:pt>
                <c:pt idx="579">
                  <c:v>44410</c:v>
                </c:pt>
                <c:pt idx="580">
                  <c:v>44411</c:v>
                </c:pt>
                <c:pt idx="581">
                  <c:v>44412</c:v>
                </c:pt>
                <c:pt idx="582">
                  <c:v>44413</c:v>
                </c:pt>
                <c:pt idx="583">
                  <c:v>44414</c:v>
                </c:pt>
                <c:pt idx="584">
                  <c:v>44415</c:v>
                </c:pt>
                <c:pt idx="585">
                  <c:v>44416</c:v>
                </c:pt>
                <c:pt idx="586">
                  <c:v>44417</c:v>
                </c:pt>
                <c:pt idx="587">
                  <c:v>44418</c:v>
                </c:pt>
                <c:pt idx="588">
                  <c:v>44419</c:v>
                </c:pt>
                <c:pt idx="589">
                  <c:v>44420</c:v>
                </c:pt>
                <c:pt idx="590">
                  <c:v>44421</c:v>
                </c:pt>
                <c:pt idx="591">
                  <c:v>44422</c:v>
                </c:pt>
                <c:pt idx="592">
                  <c:v>44423</c:v>
                </c:pt>
                <c:pt idx="593">
                  <c:v>44424</c:v>
                </c:pt>
                <c:pt idx="594">
                  <c:v>44425</c:v>
                </c:pt>
                <c:pt idx="595">
                  <c:v>44426</c:v>
                </c:pt>
                <c:pt idx="596">
                  <c:v>44427</c:v>
                </c:pt>
                <c:pt idx="597">
                  <c:v>44428</c:v>
                </c:pt>
                <c:pt idx="598">
                  <c:v>44429</c:v>
                </c:pt>
                <c:pt idx="599">
                  <c:v>44430</c:v>
                </c:pt>
                <c:pt idx="600">
                  <c:v>44431</c:v>
                </c:pt>
                <c:pt idx="601">
                  <c:v>44432</c:v>
                </c:pt>
                <c:pt idx="602">
                  <c:v>44433</c:v>
                </c:pt>
                <c:pt idx="603">
                  <c:v>44434</c:v>
                </c:pt>
                <c:pt idx="604">
                  <c:v>44435</c:v>
                </c:pt>
                <c:pt idx="605">
                  <c:v>44436</c:v>
                </c:pt>
                <c:pt idx="606">
                  <c:v>44437</c:v>
                </c:pt>
                <c:pt idx="607">
                  <c:v>44438</c:v>
                </c:pt>
                <c:pt idx="608">
                  <c:v>44439</c:v>
                </c:pt>
                <c:pt idx="609">
                  <c:v>44440</c:v>
                </c:pt>
                <c:pt idx="610">
                  <c:v>44441</c:v>
                </c:pt>
                <c:pt idx="611">
                  <c:v>44442</c:v>
                </c:pt>
                <c:pt idx="612">
                  <c:v>44443</c:v>
                </c:pt>
                <c:pt idx="613">
                  <c:v>44444</c:v>
                </c:pt>
                <c:pt idx="614">
                  <c:v>44445</c:v>
                </c:pt>
                <c:pt idx="615">
                  <c:v>44446</c:v>
                </c:pt>
                <c:pt idx="616">
                  <c:v>44447</c:v>
                </c:pt>
                <c:pt idx="617">
                  <c:v>44448</c:v>
                </c:pt>
                <c:pt idx="618">
                  <c:v>44449</c:v>
                </c:pt>
                <c:pt idx="619">
                  <c:v>44450</c:v>
                </c:pt>
                <c:pt idx="620">
                  <c:v>44451</c:v>
                </c:pt>
                <c:pt idx="621">
                  <c:v>44452</c:v>
                </c:pt>
                <c:pt idx="622">
                  <c:v>44453</c:v>
                </c:pt>
                <c:pt idx="623">
                  <c:v>44454</c:v>
                </c:pt>
                <c:pt idx="624">
                  <c:v>44455</c:v>
                </c:pt>
                <c:pt idx="625">
                  <c:v>44456</c:v>
                </c:pt>
                <c:pt idx="626">
                  <c:v>44457</c:v>
                </c:pt>
                <c:pt idx="627">
                  <c:v>44458</c:v>
                </c:pt>
                <c:pt idx="628">
                  <c:v>44459</c:v>
                </c:pt>
                <c:pt idx="629">
                  <c:v>44460</c:v>
                </c:pt>
                <c:pt idx="630">
                  <c:v>44461</c:v>
                </c:pt>
                <c:pt idx="631">
                  <c:v>44462</c:v>
                </c:pt>
                <c:pt idx="632">
                  <c:v>44463</c:v>
                </c:pt>
                <c:pt idx="633">
                  <c:v>44464</c:v>
                </c:pt>
                <c:pt idx="634">
                  <c:v>44465</c:v>
                </c:pt>
                <c:pt idx="635">
                  <c:v>44466</c:v>
                </c:pt>
                <c:pt idx="636">
                  <c:v>44467</c:v>
                </c:pt>
                <c:pt idx="637">
                  <c:v>44468</c:v>
                </c:pt>
                <c:pt idx="638">
                  <c:v>44469</c:v>
                </c:pt>
                <c:pt idx="639">
                  <c:v>44470</c:v>
                </c:pt>
                <c:pt idx="640">
                  <c:v>44471</c:v>
                </c:pt>
                <c:pt idx="641">
                  <c:v>44472</c:v>
                </c:pt>
                <c:pt idx="642">
                  <c:v>44473</c:v>
                </c:pt>
                <c:pt idx="643">
                  <c:v>44474</c:v>
                </c:pt>
                <c:pt idx="644">
                  <c:v>44475</c:v>
                </c:pt>
                <c:pt idx="645">
                  <c:v>44476</c:v>
                </c:pt>
                <c:pt idx="646">
                  <c:v>44477</c:v>
                </c:pt>
                <c:pt idx="647">
                  <c:v>44478</c:v>
                </c:pt>
                <c:pt idx="648">
                  <c:v>44479</c:v>
                </c:pt>
                <c:pt idx="649">
                  <c:v>44480</c:v>
                </c:pt>
                <c:pt idx="650">
                  <c:v>44481</c:v>
                </c:pt>
                <c:pt idx="651">
                  <c:v>44482</c:v>
                </c:pt>
                <c:pt idx="652">
                  <c:v>44483</c:v>
                </c:pt>
                <c:pt idx="653">
                  <c:v>44484</c:v>
                </c:pt>
                <c:pt idx="654">
                  <c:v>44485</c:v>
                </c:pt>
                <c:pt idx="655">
                  <c:v>44486</c:v>
                </c:pt>
                <c:pt idx="656">
                  <c:v>44487</c:v>
                </c:pt>
                <c:pt idx="657">
                  <c:v>44488</c:v>
                </c:pt>
                <c:pt idx="658">
                  <c:v>44489</c:v>
                </c:pt>
                <c:pt idx="659">
                  <c:v>44490</c:v>
                </c:pt>
                <c:pt idx="660">
                  <c:v>44491</c:v>
                </c:pt>
                <c:pt idx="661">
                  <c:v>44492</c:v>
                </c:pt>
                <c:pt idx="662">
                  <c:v>44493</c:v>
                </c:pt>
                <c:pt idx="663">
                  <c:v>44494</c:v>
                </c:pt>
                <c:pt idx="664">
                  <c:v>44495</c:v>
                </c:pt>
                <c:pt idx="665">
                  <c:v>44496</c:v>
                </c:pt>
                <c:pt idx="666">
                  <c:v>44497</c:v>
                </c:pt>
                <c:pt idx="667">
                  <c:v>44498</c:v>
                </c:pt>
                <c:pt idx="668">
                  <c:v>44499</c:v>
                </c:pt>
                <c:pt idx="669">
                  <c:v>44500</c:v>
                </c:pt>
                <c:pt idx="670">
                  <c:v>44501</c:v>
                </c:pt>
                <c:pt idx="671">
                  <c:v>44502</c:v>
                </c:pt>
                <c:pt idx="672">
                  <c:v>44503</c:v>
                </c:pt>
                <c:pt idx="673">
                  <c:v>44504</c:v>
                </c:pt>
                <c:pt idx="674">
                  <c:v>44505</c:v>
                </c:pt>
                <c:pt idx="675">
                  <c:v>44506</c:v>
                </c:pt>
                <c:pt idx="676">
                  <c:v>44507</c:v>
                </c:pt>
                <c:pt idx="677">
                  <c:v>44508</c:v>
                </c:pt>
                <c:pt idx="678">
                  <c:v>44509</c:v>
                </c:pt>
                <c:pt idx="679">
                  <c:v>44510</c:v>
                </c:pt>
                <c:pt idx="680">
                  <c:v>44511</c:v>
                </c:pt>
                <c:pt idx="681">
                  <c:v>44512</c:v>
                </c:pt>
                <c:pt idx="682">
                  <c:v>44513</c:v>
                </c:pt>
                <c:pt idx="683">
                  <c:v>44514</c:v>
                </c:pt>
                <c:pt idx="684">
                  <c:v>44515</c:v>
                </c:pt>
                <c:pt idx="685">
                  <c:v>44516</c:v>
                </c:pt>
                <c:pt idx="686">
                  <c:v>44517</c:v>
                </c:pt>
                <c:pt idx="687">
                  <c:v>44518</c:v>
                </c:pt>
                <c:pt idx="688">
                  <c:v>44519</c:v>
                </c:pt>
                <c:pt idx="689">
                  <c:v>44520</c:v>
                </c:pt>
                <c:pt idx="690">
                  <c:v>44521</c:v>
                </c:pt>
                <c:pt idx="691">
                  <c:v>44522</c:v>
                </c:pt>
                <c:pt idx="692">
                  <c:v>44523</c:v>
                </c:pt>
                <c:pt idx="693">
                  <c:v>44524</c:v>
                </c:pt>
                <c:pt idx="694">
                  <c:v>44525</c:v>
                </c:pt>
                <c:pt idx="695">
                  <c:v>44526</c:v>
                </c:pt>
                <c:pt idx="696">
                  <c:v>44527</c:v>
                </c:pt>
                <c:pt idx="697">
                  <c:v>44528</c:v>
                </c:pt>
                <c:pt idx="698">
                  <c:v>44529</c:v>
                </c:pt>
                <c:pt idx="699">
                  <c:v>44530</c:v>
                </c:pt>
                <c:pt idx="700">
                  <c:v>44531</c:v>
                </c:pt>
                <c:pt idx="701">
                  <c:v>44532</c:v>
                </c:pt>
                <c:pt idx="702">
                  <c:v>44533</c:v>
                </c:pt>
                <c:pt idx="703">
                  <c:v>44534</c:v>
                </c:pt>
                <c:pt idx="704">
                  <c:v>44535</c:v>
                </c:pt>
                <c:pt idx="705">
                  <c:v>44536</c:v>
                </c:pt>
                <c:pt idx="706">
                  <c:v>44537</c:v>
                </c:pt>
                <c:pt idx="707">
                  <c:v>44538</c:v>
                </c:pt>
                <c:pt idx="708">
                  <c:v>44539</c:v>
                </c:pt>
                <c:pt idx="709">
                  <c:v>44540</c:v>
                </c:pt>
                <c:pt idx="710">
                  <c:v>44541</c:v>
                </c:pt>
                <c:pt idx="711">
                  <c:v>44542</c:v>
                </c:pt>
                <c:pt idx="712">
                  <c:v>44543</c:v>
                </c:pt>
                <c:pt idx="713">
                  <c:v>44544</c:v>
                </c:pt>
                <c:pt idx="714">
                  <c:v>44545</c:v>
                </c:pt>
                <c:pt idx="715">
                  <c:v>44546</c:v>
                </c:pt>
                <c:pt idx="716">
                  <c:v>44547</c:v>
                </c:pt>
                <c:pt idx="717">
                  <c:v>44548</c:v>
                </c:pt>
                <c:pt idx="718">
                  <c:v>44549</c:v>
                </c:pt>
                <c:pt idx="719">
                  <c:v>44550</c:v>
                </c:pt>
                <c:pt idx="720">
                  <c:v>44551</c:v>
                </c:pt>
                <c:pt idx="721">
                  <c:v>44552</c:v>
                </c:pt>
                <c:pt idx="722">
                  <c:v>44553</c:v>
                </c:pt>
                <c:pt idx="723">
                  <c:v>44554</c:v>
                </c:pt>
                <c:pt idx="724">
                  <c:v>44555</c:v>
                </c:pt>
                <c:pt idx="725">
                  <c:v>44556</c:v>
                </c:pt>
                <c:pt idx="726">
                  <c:v>44557</c:v>
                </c:pt>
                <c:pt idx="727">
                  <c:v>44558</c:v>
                </c:pt>
                <c:pt idx="728">
                  <c:v>44559</c:v>
                </c:pt>
                <c:pt idx="729">
                  <c:v>44560</c:v>
                </c:pt>
                <c:pt idx="730">
                  <c:v>44561</c:v>
                </c:pt>
                <c:pt idx="731">
                  <c:v>44562</c:v>
                </c:pt>
                <c:pt idx="732">
                  <c:v>44563</c:v>
                </c:pt>
                <c:pt idx="733">
                  <c:v>44564</c:v>
                </c:pt>
                <c:pt idx="734">
                  <c:v>44565</c:v>
                </c:pt>
                <c:pt idx="735">
                  <c:v>44566</c:v>
                </c:pt>
                <c:pt idx="736">
                  <c:v>44567</c:v>
                </c:pt>
                <c:pt idx="737">
                  <c:v>44568</c:v>
                </c:pt>
                <c:pt idx="738">
                  <c:v>44569</c:v>
                </c:pt>
                <c:pt idx="739">
                  <c:v>44570</c:v>
                </c:pt>
                <c:pt idx="740">
                  <c:v>44571</c:v>
                </c:pt>
                <c:pt idx="741">
                  <c:v>44572</c:v>
                </c:pt>
                <c:pt idx="742">
                  <c:v>44573</c:v>
                </c:pt>
                <c:pt idx="743">
                  <c:v>44574</c:v>
                </c:pt>
                <c:pt idx="744">
                  <c:v>44575</c:v>
                </c:pt>
                <c:pt idx="745">
                  <c:v>44576</c:v>
                </c:pt>
                <c:pt idx="746">
                  <c:v>44577</c:v>
                </c:pt>
                <c:pt idx="747">
                  <c:v>44578</c:v>
                </c:pt>
                <c:pt idx="748">
                  <c:v>44579</c:v>
                </c:pt>
                <c:pt idx="749">
                  <c:v>44580</c:v>
                </c:pt>
                <c:pt idx="750">
                  <c:v>44581</c:v>
                </c:pt>
                <c:pt idx="751">
                  <c:v>44582</c:v>
                </c:pt>
                <c:pt idx="752">
                  <c:v>44583</c:v>
                </c:pt>
                <c:pt idx="753">
                  <c:v>44584</c:v>
                </c:pt>
                <c:pt idx="754">
                  <c:v>44585</c:v>
                </c:pt>
                <c:pt idx="755">
                  <c:v>44586</c:v>
                </c:pt>
                <c:pt idx="756">
                  <c:v>44587</c:v>
                </c:pt>
                <c:pt idx="757">
                  <c:v>44588</c:v>
                </c:pt>
                <c:pt idx="758">
                  <c:v>44589</c:v>
                </c:pt>
                <c:pt idx="759">
                  <c:v>44590</c:v>
                </c:pt>
                <c:pt idx="760">
                  <c:v>44591</c:v>
                </c:pt>
                <c:pt idx="761">
                  <c:v>44592</c:v>
                </c:pt>
                <c:pt idx="762">
                  <c:v>44593</c:v>
                </c:pt>
                <c:pt idx="763">
                  <c:v>44594</c:v>
                </c:pt>
                <c:pt idx="764">
                  <c:v>44595</c:v>
                </c:pt>
                <c:pt idx="765">
                  <c:v>44596</c:v>
                </c:pt>
                <c:pt idx="766">
                  <c:v>44597</c:v>
                </c:pt>
                <c:pt idx="767">
                  <c:v>44598</c:v>
                </c:pt>
                <c:pt idx="768">
                  <c:v>44599</c:v>
                </c:pt>
                <c:pt idx="769">
                  <c:v>44600</c:v>
                </c:pt>
                <c:pt idx="770">
                  <c:v>44601</c:v>
                </c:pt>
                <c:pt idx="771">
                  <c:v>44602</c:v>
                </c:pt>
                <c:pt idx="772">
                  <c:v>44603</c:v>
                </c:pt>
                <c:pt idx="773">
                  <c:v>44604</c:v>
                </c:pt>
                <c:pt idx="774">
                  <c:v>44605</c:v>
                </c:pt>
                <c:pt idx="775">
                  <c:v>44606</c:v>
                </c:pt>
                <c:pt idx="776">
                  <c:v>44607</c:v>
                </c:pt>
                <c:pt idx="777">
                  <c:v>44608</c:v>
                </c:pt>
                <c:pt idx="778">
                  <c:v>44609</c:v>
                </c:pt>
                <c:pt idx="779">
                  <c:v>44610</c:v>
                </c:pt>
                <c:pt idx="780">
                  <c:v>44611</c:v>
                </c:pt>
                <c:pt idx="781">
                  <c:v>44612</c:v>
                </c:pt>
                <c:pt idx="782">
                  <c:v>44613</c:v>
                </c:pt>
                <c:pt idx="783">
                  <c:v>44614</c:v>
                </c:pt>
                <c:pt idx="784">
                  <c:v>44615</c:v>
                </c:pt>
                <c:pt idx="785">
                  <c:v>44616</c:v>
                </c:pt>
                <c:pt idx="786">
                  <c:v>44617</c:v>
                </c:pt>
                <c:pt idx="787">
                  <c:v>44618</c:v>
                </c:pt>
                <c:pt idx="788">
                  <c:v>44619</c:v>
                </c:pt>
                <c:pt idx="789">
                  <c:v>44620</c:v>
                </c:pt>
                <c:pt idx="790">
                  <c:v>44621</c:v>
                </c:pt>
                <c:pt idx="791">
                  <c:v>44622</c:v>
                </c:pt>
                <c:pt idx="792">
                  <c:v>44623</c:v>
                </c:pt>
                <c:pt idx="793">
                  <c:v>44624</c:v>
                </c:pt>
                <c:pt idx="794">
                  <c:v>44625</c:v>
                </c:pt>
                <c:pt idx="795">
                  <c:v>44626</c:v>
                </c:pt>
                <c:pt idx="796">
                  <c:v>44627</c:v>
                </c:pt>
                <c:pt idx="797">
                  <c:v>44628</c:v>
                </c:pt>
                <c:pt idx="798">
                  <c:v>44629</c:v>
                </c:pt>
                <c:pt idx="799">
                  <c:v>44630</c:v>
                </c:pt>
                <c:pt idx="800">
                  <c:v>44631</c:v>
                </c:pt>
                <c:pt idx="801">
                  <c:v>44632</c:v>
                </c:pt>
                <c:pt idx="802">
                  <c:v>44633</c:v>
                </c:pt>
                <c:pt idx="803">
                  <c:v>44634</c:v>
                </c:pt>
                <c:pt idx="804">
                  <c:v>44635</c:v>
                </c:pt>
                <c:pt idx="805">
                  <c:v>44636</c:v>
                </c:pt>
                <c:pt idx="806">
                  <c:v>44637</c:v>
                </c:pt>
                <c:pt idx="807">
                  <c:v>44638</c:v>
                </c:pt>
                <c:pt idx="808">
                  <c:v>44639</c:v>
                </c:pt>
                <c:pt idx="809">
                  <c:v>44640</c:v>
                </c:pt>
                <c:pt idx="810">
                  <c:v>44641</c:v>
                </c:pt>
                <c:pt idx="811">
                  <c:v>44642</c:v>
                </c:pt>
                <c:pt idx="812">
                  <c:v>44643</c:v>
                </c:pt>
                <c:pt idx="813">
                  <c:v>44644</c:v>
                </c:pt>
                <c:pt idx="814">
                  <c:v>44645</c:v>
                </c:pt>
                <c:pt idx="815">
                  <c:v>44646</c:v>
                </c:pt>
                <c:pt idx="816">
                  <c:v>44647</c:v>
                </c:pt>
                <c:pt idx="817">
                  <c:v>44648</c:v>
                </c:pt>
                <c:pt idx="818">
                  <c:v>44649</c:v>
                </c:pt>
                <c:pt idx="819">
                  <c:v>44650</c:v>
                </c:pt>
                <c:pt idx="820">
                  <c:v>44651</c:v>
                </c:pt>
                <c:pt idx="821">
                  <c:v>44652</c:v>
                </c:pt>
                <c:pt idx="822">
                  <c:v>44653</c:v>
                </c:pt>
                <c:pt idx="823">
                  <c:v>44654</c:v>
                </c:pt>
                <c:pt idx="824">
                  <c:v>44655</c:v>
                </c:pt>
                <c:pt idx="825">
                  <c:v>44656</c:v>
                </c:pt>
                <c:pt idx="826">
                  <c:v>44657</c:v>
                </c:pt>
                <c:pt idx="827">
                  <c:v>44658</c:v>
                </c:pt>
                <c:pt idx="828">
                  <c:v>44659</c:v>
                </c:pt>
                <c:pt idx="829">
                  <c:v>44660</c:v>
                </c:pt>
                <c:pt idx="830">
                  <c:v>44661</c:v>
                </c:pt>
                <c:pt idx="831">
                  <c:v>44662</c:v>
                </c:pt>
                <c:pt idx="832">
                  <c:v>44663</c:v>
                </c:pt>
                <c:pt idx="833">
                  <c:v>44664</c:v>
                </c:pt>
                <c:pt idx="834">
                  <c:v>44665</c:v>
                </c:pt>
                <c:pt idx="835">
                  <c:v>44666</c:v>
                </c:pt>
                <c:pt idx="836">
                  <c:v>44667</c:v>
                </c:pt>
                <c:pt idx="837">
                  <c:v>44668</c:v>
                </c:pt>
                <c:pt idx="838">
                  <c:v>44669</c:v>
                </c:pt>
                <c:pt idx="839">
                  <c:v>44670</c:v>
                </c:pt>
                <c:pt idx="840">
                  <c:v>44671</c:v>
                </c:pt>
                <c:pt idx="841">
                  <c:v>44672</c:v>
                </c:pt>
                <c:pt idx="842">
                  <c:v>44673</c:v>
                </c:pt>
                <c:pt idx="843">
                  <c:v>44674</c:v>
                </c:pt>
                <c:pt idx="844">
                  <c:v>44675</c:v>
                </c:pt>
                <c:pt idx="845">
                  <c:v>44676</c:v>
                </c:pt>
                <c:pt idx="846">
                  <c:v>44677</c:v>
                </c:pt>
                <c:pt idx="847">
                  <c:v>44678</c:v>
                </c:pt>
                <c:pt idx="848">
                  <c:v>44679</c:v>
                </c:pt>
                <c:pt idx="849">
                  <c:v>44680</c:v>
                </c:pt>
                <c:pt idx="850">
                  <c:v>44681</c:v>
                </c:pt>
                <c:pt idx="851">
                  <c:v>44682</c:v>
                </c:pt>
                <c:pt idx="852">
                  <c:v>44683</c:v>
                </c:pt>
                <c:pt idx="853">
                  <c:v>44684</c:v>
                </c:pt>
                <c:pt idx="854">
                  <c:v>44685</c:v>
                </c:pt>
                <c:pt idx="855">
                  <c:v>44686</c:v>
                </c:pt>
                <c:pt idx="856">
                  <c:v>44687</c:v>
                </c:pt>
                <c:pt idx="857">
                  <c:v>44688</c:v>
                </c:pt>
                <c:pt idx="858">
                  <c:v>44689</c:v>
                </c:pt>
                <c:pt idx="859">
                  <c:v>44690</c:v>
                </c:pt>
                <c:pt idx="860">
                  <c:v>44691</c:v>
                </c:pt>
                <c:pt idx="861">
                  <c:v>44692</c:v>
                </c:pt>
                <c:pt idx="862">
                  <c:v>44693</c:v>
                </c:pt>
                <c:pt idx="863">
                  <c:v>44694</c:v>
                </c:pt>
                <c:pt idx="864">
                  <c:v>44695</c:v>
                </c:pt>
                <c:pt idx="865">
                  <c:v>44696</c:v>
                </c:pt>
                <c:pt idx="866">
                  <c:v>44697</c:v>
                </c:pt>
                <c:pt idx="867">
                  <c:v>44698</c:v>
                </c:pt>
                <c:pt idx="868">
                  <c:v>44699</c:v>
                </c:pt>
                <c:pt idx="869">
                  <c:v>44700</c:v>
                </c:pt>
                <c:pt idx="870">
                  <c:v>44701</c:v>
                </c:pt>
                <c:pt idx="871">
                  <c:v>44702</c:v>
                </c:pt>
                <c:pt idx="872">
                  <c:v>44703</c:v>
                </c:pt>
                <c:pt idx="873">
                  <c:v>44704</c:v>
                </c:pt>
                <c:pt idx="874">
                  <c:v>44705</c:v>
                </c:pt>
                <c:pt idx="875">
                  <c:v>44706</c:v>
                </c:pt>
                <c:pt idx="876">
                  <c:v>44707</c:v>
                </c:pt>
                <c:pt idx="877">
                  <c:v>44708</c:v>
                </c:pt>
                <c:pt idx="878">
                  <c:v>44709</c:v>
                </c:pt>
                <c:pt idx="879">
                  <c:v>44710</c:v>
                </c:pt>
                <c:pt idx="880">
                  <c:v>44711</c:v>
                </c:pt>
                <c:pt idx="881">
                  <c:v>44712</c:v>
                </c:pt>
                <c:pt idx="882">
                  <c:v>44713</c:v>
                </c:pt>
                <c:pt idx="883">
                  <c:v>44714</c:v>
                </c:pt>
                <c:pt idx="884">
                  <c:v>44715</c:v>
                </c:pt>
                <c:pt idx="885">
                  <c:v>44716</c:v>
                </c:pt>
                <c:pt idx="886">
                  <c:v>44717</c:v>
                </c:pt>
                <c:pt idx="887">
                  <c:v>44718</c:v>
                </c:pt>
                <c:pt idx="888">
                  <c:v>44719</c:v>
                </c:pt>
                <c:pt idx="889">
                  <c:v>44720</c:v>
                </c:pt>
                <c:pt idx="890">
                  <c:v>44721</c:v>
                </c:pt>
                <c:pt idx="891">
                  <c:v>44722</c:v>
                </c:pt>
                <c:pt idx="892">
                  <c:v>44723</c:v>
                </c:pt>
                <c:pt idx="893">
                  <c:v>44724</c:v>
                </c:pt>
                <c:pt idx="894">
                  <c:v>44725</c:v>
                </c:pt>
                <c:pt idx="895">
                  <c:v>44726</c:v>
                </c:pt>
                <c:pt idx="896">
                  <c:v>44727</c:v>
                </c:pt>
                <c:pt idx="897">
                  <c:v>44728</c:v>
                </c:pt>
                <c:pt idx="898">
                  <c:v>44729</c:v>
                </c:pt>
                <c:pt idx="899">
                  <c:v>44730</c:v>
                </c:pt>
                <c:pt idx="900">
                  <c:v>44731</c:v>
                </c:pt>
                <c:pt idx="901">
                  <c:v>44732</c:v>
                </c:pt>
                <c:pt idx="902">
                  <c:v>44733</c:v>
                </c:pt>
                <c:pt idx="903">
                  <c:v>44734</c:v>
                </c:pt>
                <c:pt idx="904">
                  <c:v>44735</c:v>
                </c:pt>
                <c:pt idx="905">
                  <c:v>44736</c:v>
                </c:pt>
                <c:pt idx="906">
                  <c:v>44737</c:v>
                </c:pt>
                <c:pt idx="907">
                  <c:v>44738</c:v>
                </c:pt>
                <c:pt idx="908">
                  <c:v>44739</c:v>
                </c:pt>
                <c:pt idx="909">
                  <c:v>44740</c:v>
                </c:pt>
                <c:pt idx="910">
                  <c:v>44741</c:v>
                </c:pt>
                <c:pt idx="911">
                  <c:v>44742</c:v>
                </c:pt>
                <c:pt idx="912">
                  <c:v>44743</c:v>
                </c:pt>
                <c:pt idx="913">
                  <c:v>44744</c:v>
                </c:pt>
                <c:pt idx="914">
                  <c:v>44745</c:v>
                </c:pt>
                <c:pt idx="915">
                  <c:v>44746</c:v>
                </c:pt>
                <c:pt idx="916">
                  <c:v>44747</c:v>
                </c:pt>
                <c:pt idx="917">
                  <c:v>44748</c:v>
                </c:pt>
                <c:pt idx="918">
                  <c:v>44749</c:v>
                </c:pt>
                <c:pt idx="919">
                  <c:v>44750</c:v>
                </c:pt>
                <c:pt idx="920">
                  <c:v>44751</c:v>
                </c:pt>
                <c:pt idx="921">
                  <c:v>44752</c:v>
                </c:pt>
                <c:pt idx="922">
                  <c:v>44753</c:v>
                </c:pt>
                <c:pt idx="923">
                  <c:v>44754</c:v>
                </c:pt>
                <c:pt idx="924">
                  <c:v>44755</c:v>
                </c:pt>
                <c:pt idx="925">
                  <c:v>44756</c:v>
                </c:pt>
                <c:pt idx="926">
                  <c:v>44757</c:v>
                </c:pt>
                <c:pt idx="927">
                  <c:v>44758</c:v>
                </c:pt>
                <c:pt idx="928">
                  <c:v>44759</c:v>
                </c:pt>
                <c:pt idx="929">
                  <c:v>44760</c:v>
                </c:pt>
                <c:pt idx="930">
                  <c:v>44761</c:v>
                </c:pt>
                <c:pt idx="931">
                  <c:v>44762</c:v>
                </c:pt>
                <c:pt idx="932">
                  <c:v>44763</c:v>
                </c:pt>
                <c:pt idx="933">
                  <c:v>44764</c:v>
                </c:pt>
                <c:pt idx="934">
                  <c:v>44765</c:v>
                </c:pt>
                <c:pt idx="935">
                  <c:v>44766</c:v>
                </c:pt>
                <c:pt idx="936">
                  <c:v>44767</c:v>
                </c:pt>
                <c:pt idx="937">
                  <c:v>44768</c:v>
                </c:pt>
                <c:pt idx="938">
                  <c:v>44769</c:v>
                </c:pt>
                <c:pt idx="939">
                  <c:v>44770</c:v>
                </c:pt>
                <c:pt idx="940">
                  <c:v>44771</c:v>
                </c:pt>
                <c:pt idx="941">
                  <c:v>44772</c:v>
                </c:pt>
                <c:pt idx="942">
                  <c:v>44773</c:v>
                </c:pt>
                <c:pt idx="943">
                  <c:v>44774</c:v>
                </c:pt>
                <c:pt idx="944">
                  <c:v>44775</c:v>
                </c:pt>
                <c:pt idx="945">
                  <c:v>44776</c:v>
                </c:pt>
                <c:pt idx="946">
                  <c:v>44777</c:v>
                </c:pt>
                <c:pt idx="947">
                  <c:v>44778</c:v>
                </c:pt>
                <c:pt idx="948">
                  <c:v>44779</c:v>
                </c:pt>
                <c:pt idx="949">
                  <c:v>44780</c:v>
                </c:pt>
                <c:pt idx="950">
                  <c:v>44781</c:v>
                </c:pt>
                <c:pt idx="951">
                  <c:v>44782</c:v>
                </c:pt>
                <c:pt idx="952">
                  <c:v>44783</c:v>
                </c:pt>
                <c:pt idx="953">
                  <c:v>44784</c:v>
                </c:pt>
                <c:pt idx="954">
                  <c:v>44785</c:v>
                </c:pt>
                <c:pt idx="955">
                  <c:v>44786</c:v>
                </c:pt>
                <c:pt idx="956">
                  <c:v>44787</c:v>
                </c:pt>
                <c:pt idx="957">
                  <c:v>44788</c:v>
                </c:pt>
                <c:pt idx="958">
                  <c:v>44789</c:v>
                </c:pt>
                <c:pt idx="959">
                  <c:v>44790</c:v>
                </c:pt>
                <c:pt idx="960">
                  <c:v>44791</c:v>
                </c:pt>
                <c:pt idx="961">
                  <c:v>44792</c:v>
                </c:pt>
                <c:pt idx="962">
                  <c:v>44793</c:v>
                </c:pt>
                <c:pt idx="963">
                  <c:v>44794</c:v>
                </c:pt>
                <c:pt idx="964">
                  <c:v>44795</c:v>
                </c:pt>
                <c:pt idx="965">
                  <c:v>44796</c:v>
                </c:pt>
                <c:pt idx="966">
                  <c:v>44797</c:v>
                </c:pt>
                <c:pt idx="967">
                  <c:v>44798</c:v>
                </c:pt>
                <c:pt idx="968">
                  <c:v>44799</c:v>
                </c:pt>
                <c:pt idx="969">
                  <c:v>44800</c:v>
                </c:pt>
                <c:pt idx="970">
                  <c:v>44801</c:v>
                </c:pt>
                <c:pt idx="971">
                  <c:v>44802</c:v>
                </c:pt>
                <c:pt idx="972">
                  <c:v>44803</c:v>
                </c:pt>
                <c:pt idx="973">
                  <c:v>44804</c:v>
                </c:pt>
                <c:pt idx="974">
                  <c:v>44805</c:v>
                </c:pt>
                <c:pt idx="975">
                  <c:v>44806</c:v>
                </c:pt>
                <c:pt idx="976">
                  <c:v>44807</c:v>
                </c:pt>
                <c:pt idx="977">
                  <c:v>44808</c:v>
                </c:pt>
                <c:pt idx="978">
                  <c:v>44809</c:v>
                </c:pt>
                <c:pt idx="979">
                  <c:v>44810</c:v>
                </c:pt>
                <c:pt idx="980">
                  <c:v>44811</c:v>
                </c:pt>
                <c:pt idx="981">
                  <c:v>44812</c:v>
                </c:pt>
                <c:pt idx="982">
                  <c:v>44813</c:v>
                </c:pt>
                <c:pt idx="983">
                  <c:v>44814</c:v>
                </c:pt>
                <c:pt idx="984">
                  <c:v>44815</c:v>
                </c:pt>
                <c:pt idx="985">
                  <c:v>44816</c:v>
                </c:pt>
                <c:pt idx="986">
                  <c:v>44817</c:v>
                </c:pt>
                <c:pt idx="987">
                  <c:v>44818</c:v>
                </c:pt>
                <c:pt idx="988">
                  <c:v>44819</c:v>
                </c:pt>
                <c:pt idx="989">
                  <c:v>44820</c:v>
                </c:pt>
                <c:pt idx="990">
                  <c:v>44821</c:v>
                </c:pt>
                <c:pt idx="991">
                  <c:v>44822</c:v>
                </c:pt>
                <c:pt idx="992">
                  <c:v>44823</c:v>
                </c:pt>
                <c:pt idx="993">
                  <c:v>44824</c:v>
                </c:pt>
                <c:pt idx="994">
                  <c:v>44825</c:v>
                </c:pt>
                <c:pt idx="995">
                  <c:v>44826</c:v>
                </c:pt>
                <c:pt idx="996">
                  <c:v>44827</c:v>
                </c:pt>
                <c:pt idx="997">
                  <c:v>44828</c:v>
                </c:pt>
                <c:pt idx="998">
                  <c:v>44829</c:v>
                </c:pt>
                <c:pt idx="999">
                  <c:v>44830</c:v>
                </c:pt>
                <c:pt idx="1000">
                  <c:v>44831</c:v>
                </c:pt>
                <c:pt idx="1001">
                  <c:v>44832</c:v>
                </c:pt>
                <c:pt idx="1002">
                  <c:v>44833</c:v>
                </c:pt>
                <c:pt idx="1003">
                  <c:v>44834</c:v>
                </c:pt>
                <c:pt idx="1004">
                  <c:v>44835</c:v>
                </c:pt>
                <c:pt idx="1005">
                  <c:v>44836</c:v>
                </c:pt>
                <c:pt idx="1006">
                  <c:v>44837</c:v>
                </c:pt>
                <c:pt idx="1007">
                  <c:v>44838</c:v>
                </c:pt>
                <c:pt idx="1008">
                  <c:v>44839</c:v>
                </c:pt>
                <c:pt idx="1009">
                  <c:v>44840</c:v>
                </c:pt>
                <c:pt idx="1010">
                  <c:v>44841</c:v>
                </c:pt>
                <c:pt idx="1011">
                  <c:v>44842</c:v>
                </c:pt>
                <c:pt idx="1012">
                  <c:v>44843</c:v>
                </c:pt>
                <c:pt idx="1013">
                  <c:v>44844</c:v>
                </c:pt>
                <c:pt idx="1014">
                  <c:v>44845</c:v>
                </c:pt>
                <c:pt idx="1015">
                  <c:v>44846</c:v>
                </c:pt>
                <c:pt idx="1016">
                  <c:v>44847</c:v>
                </c:pt>
                <c:pt idx="1017">
                  <c:v>44848</c:v>
                </c:pt>
                <c:pt idx="1018">
                  <c:v>44849</c:v>
                </c:pt>
                <c:pt idx="1019">
                  <c:v>44850</c:v>
                </c:pt>
                <c:pt idx="1020">
                  <c:v>44851</c:v>
                </c:pt>
                <c:pt idx="1021">
                  <c:v>44852</c:v>
                </c:pt>
                <c:pt idx="1022">
                  <c:v>44853</c:v>
                </c:pt>
                <c:pt idx="1023">
                  <c:v>44854</c:v>
                </c:pt>
                <c:pt idx="1024">
                  <c:v>44855</c:v>
                </c:pt>
                <c:pt idx="1025">
                  <c:v>44856</c:v>
                </c:pt>
                <c:pt idx="1026">
                  <c:v>44857</c:v>
                </c:pt>
                <c:pt idx="1027">
                  <c:v>44858</c:v>
                </c:pt>
                <c:pt idx="1028">
                  <c:v>44859</c:v>
                </c:pt>
                <c:pt idx="1029">
                  <c:v>44860</c:v>
                </c:pt>
                <c:pt idx="1030">
                  <c:v>44861</c:v>
                </c:pt>
                <c:pt idx="1031">
                  <c:v>44862</c:v>
                </c:pt>
                <c:pt idx="1032">
                  <c:v>44863</c:v>
                </c:pt>
                <c:pt idx="1033">
                  <c:v>44864</c:v>
                </c:pt>
                <c:pt idx="1034">
                  <c:v>44865</c:v>
                </c:pt>
                <c:pt idx="1035">
                  <c:v>44866</c:v>
                </c:pt>
                <c:pt idx="1036">
                  <c:v>44867</c:v>
                </c:pt>
                <c:pt idx="1037">
                  <c:v>44868</c:v>
                </c:pt>
                <c:pt idx="1038">
                  <c:v>44869</c:v>
                </c:pt>
                <c:pt idx="1039">
                  <c:v>44870</c:v>
                </c:pt>
                <c:pt idx="1040">
                  <c:v>44871</c:v>
                </c:pt>
                <c:pt idx="1041">
                  <c:v>44872</c:v>
                </c:pt>
                <c:pt idx="1042">
                  <c:v>44873</c:v>
                </c:pt>
                <c:pt idx="1043">
                  <c:v>44874</c:v>
                </c:pt>
                <c:pt idx="1044">
                  <c:v>44875</c:v>
                </c:pt>
                <c:pt idx="1045">
                  <c:v>44876</c:v>
                </c:pt>
                <c:pt idx="1046">
                  <c:v>44877</c:v>
                </c:pt>
                <c:pt idx="1047">
                  <c:v>44878</c:v>
                </c:pt>
                <c:pt idx="1048">
                  <c:v>44879</c:v>
                </c:pt>
                <c:pt idx="1049">
                  <c:v>44880</c:v>
                </c:pt>
              </c:numCache>
            </c:numRef>
          </c:cat>
          <c:val>
            <c:numRef>
              <c:f>'Swap Rates'!$C$3:$C$1052</c:f>
              <c:numCache>
                <c:formatCode>0.00</c:formatCode>
                <c:ptCount val="1050"/>
                <c:pt idx="0">
                  <c:v>1.6187414127765001</c:v>
                </c:pt>
                <c:pt idx="1">
                  <c:v>1.5790222612554801</c:v>
                </c:pt>
                <c:pt idx="2">
                  <c:v>1.5010354312127101</c:v>
                </c:pt>
                <c:pt idx="3">
                  <c:v>1.5010354311387</c:v>
                </c:pt>
                <c:pt idx="4">
                  <c:v>1.5010354310649701</c:v>
                </c:pt>
                <c:pt idx="5">
                  <c:v>1.4910997647609401</c:v>
                </c:pt>
                <c:pt idx="6">
                  <c:v>1.50798638673118</c:v>
                </c:pt>
                <c:pt idx="7">
                  <c:v>1.5395445423868299</c:v>
                </c:pt>
                <c:pt idx="8">
                  <c:v>1.53805447074546</c:v>
                </c:pt>
                <c:pt idx="9">
                  <c:v>1.5227056736912301</c:v>
                </c:pt>
                <c:pt idx="10">
                  <c:v>1.5227056736343301</c:v>
                </c:pt>
                <c:pt idx="11">
                  <c:v>1.52270567357769</c:v>
                </c:pt>
                <c:pt idx="12">
                  <c:v>1.53512027931475</c:v>
                </c:pt>
                <c:pt idx="13">
                  <c:v>1.5199434480681899</c:v>
                </c:pt>
                <c:pt idx="14">
                  <c:v>1.50205340448139</c:v>
                </c:pt>
                <c:pt idx="15">
                  <c:v>1.52043794715584</c:v>
                </c:pt>
                <c:pt idx="16">
                  <c:v>1.5338482633171999</c:v>
                </c:pt>
                <c:pt idx="17">
                  <c:v>1.5338482633216299</c:v>
                </c:pt>
                <c:pt idx="18">
                  <c:v>1.5338482633260899</c:v>
                </c:pt>
                <c:pt idx="19">
                  <c:v>1.53384882714153</c:v>
                </c:pt>
                <c:pt idx="20">
                  <c:v>1.48444444256014</c:v>
                </c:pt>
                <c:pt idx="21">
                  <c:v>1.47671774977607</c:v>
                </c:pt>
                <c:pt idx="22">
                  <c:v>1.45066007677161</c:v>
                </c:pt>
                <c:pt idx="23">
                  <c:v>1.4113812435909501</c:v>
                </c:pt>
                <c:pt idx="24">
                  <c:v>1.41138124352959</c:v>
                </c:pt>
                <c:pt idx="25">
                  <c:v>1.41138124346848</c:v>
                </c:pt>
                <c:pt idx="26">
                  <c:v>1.32132731262563</c:v>
                </c:pt>
                <c:pt idx="27">
                  <c:v>1.3640113594838601</c:v>
                </c:pt>
                <c:pt idx="28">
                  <c:v>1.30540532948483</c:v>
                </c:pt>
                <c:pt idx="29">
                  <c:v>1.30090325800885</c:v>
                </c:pt>
                <c:pt idx="30">
                  <c:v>1.2273565667003801</c:v>
                </c:pt>
                <c:pt idx="31">
                  <c:v>1.22735656646573</c:v>
                </c:pt>
                <c:pt idx="32">
                  <c:v>1.22735656623214</c:v>
                </c:pt>
                <c:pt idx="33">
                  <c:v>1.25348450528962</c:v>
                </c:pt>
                <c:pt idx="34">
                  <c:v>1.3270666921643799</c:v>
                </c:pt>
                <c:pt idx="35">
                  <c:v>1.3788072686295001</c:v>
                </c:pt>
                <c:pt idx="36">
                  <c:v>1.3823329400151001</c:v>
                </c:pt>
                <c:pt idx="37">
                  <c:v>1.32691752562129</c:v>
                </c:pt>
                <c:pt idx="38">
                  <c:v>1.3269175254861301</c:v>
                </c:pt>
                <c:pt idx="39">
                  <c:v>1.3269175253515999</c:v>
                </c:pt>
                <c:pt idx="40">
                  <c:v>1.2924342658886701</c:v>
                </c:pt>
                <c:pt idx="41">
                  <c:v>1.3202267021703</c:v>
                </c:pt>
                <c:pt idx="42">
                  <c:v>1.3632083084251301</c:v>
                </c:pt>
                <c:pt idx="43">
                  <c:v>1.3460439483547899</c:v>
                </c:pt>
                <c:pt idx="44">
                  <c:v>1.32439882557013</c:v>
                </c:pt>
                <c:pt idx="45">
                  <c:v>1.3243988253380199</c:v>
                </c:pt>
                <c:pt idx="46">
                  <c:v>1.3243988251068699</c:v>
                </c:pt>
                <c:pt idx="47">
                  <c:v>1.3243986364851601</c:v>
                </c:pt>
                <c:pt idx="48">
                  <c:v>1.2898235028435201</c:v>
                </c:pt>
                <c:pt idx="49">
                  <c:v>1.30728002598211</c:v>
                </c:pt>
                <c:pt idx="50">
                  <c:v>1.2682676192357301</c:v>
                </c:pt>
                <c:pt idx="51">
                  <c:v>1.21261085531622</c:v>
                </c:pt>
                <c:pt idx="52">
                  <c:v>1.21261085505741</c:v>
                </c:pt>
                <c:pt idx="53">
                  <c:v>1.2126108547996399</c:v>
                </c:pt>
                <c:pt idx="54">
                  <c:v>1.1096747107410401</c:v>
                </c:pt>
                <c:pt idx="55">
                  <c:v>1.07936507831295</c:v>
                </c:pt>
                <c:pt idx="56">
                  <c:v>1.0883221317802201</c:v>
                </c:pt>
                <c:pt idx="57">
                  <c:v>1.0216220442124599</c:v>
                </c:pt>
                <c:pt idx="58">
                  <c:v>0.88117065913832704</c:v>
                </c:pt>
                <c:pt idx="59">
                  <c:v>0.88117065824520502</c:v>
                </c:pt>
                <c:pt idx="60">
                  <c:v>0.88117065735543998</c:v>
                </c:pt>
                <c:pt idx="61">
                  <c:v>0.92635252629007603</c:v>
                </c:pt>
                <c:pt idx="62">
                  <c:v>0.72974145928281098</c:v>
                </c:pt>
                <c:pt idx="63">
                  <c:v>0.73974449151247401</c:v>
                </c:pt>
                <c:pt idx="64">
                  <c:v>0.65238855402763496</c:v>
                </c:pt>
                <c:pt idx="65">
                  <c:v>0.62937662105296299</c:v>
                </c:pt>
                <c:pt idx="66">
                  <c:v>0.62937662067126898</c:v>
                </c:pt>
                <c:pt idx="67">
                  <c:v>0.62937662029087804</c:v>
                </c:pt>
                <c:pt idx="68">
                  <c:v>0.530366760296755</c:v>
                </c:pt>
                <c:pt idx="69">
                  <c:v>0.65041278440260497</c:v>
                </c:pt>
                <c:pt idx="70">
                  <c:v>0.62149954819911502</c:v>
                </c:pt>
                <c:pt idx="71">
                  <c:v>0.59856777779662595</c:v>
                </c:pt>
                <c:pt idx="72">
                  <c:v>0.73222004299327503</c:v>
                </c:pt>
                <c:pt idx="73">
                  <c:v>0.73222004282997999</c:v>
                </c:pt>
                <c:pt idx="74">
                  <c:v>0.73222004266736396</c:v>
                </c:pt>
                <c:pt idx="75">
                  <c:v>0.55238887077056098</c:v>
                </c:pt>
                <c:pt idx="76">
                  <c:v>0.71160273895346404</c:v>
                </c:pt>
                <c:pt idx="77">
                  <c:v>0.74190370948053697</c:v>
                </c:pt>
                <c:pt idx="78">
                  <c:v>0.697080978979014</c:v>
                </c:pt>
                <c:pt idx="79">
                  <c:v>0.48503716534175001</c:v>
                </c:pt>
                <c:pt idx="80">
                  <c:v>0.485037165341626</c:v>
                </c:pt>
                <c:pt idx="81">
                  <c:v>0.48503716534160701</c:v>
                </c:pt>
                <c:pt idx="82">
                  <c:v>0.40671310385360199</c:v>
                </c:pt>
                <c:pt idx="83">
                  <c:v>0.50537130164460697</c:v>
                </c:pt>
                <c:pt idx="84">
                  <c:v>0.52201043220684196</c:v>
                </c:pt>
                <c:pt idx="85">
                  <c:v>0.47571742537313899</c:v>
                </c:pt>
                <c:pt idx="86">
                  <c:v>0.41796676742958999</c:v>
                </c:pt>
                <c:pt idx="87">
                  <c:v>0.41796676734587701</c:v>
                </c:pt>
                <c:pt idx="88">
                  <c:v>0.417966767262623</c:v>
                </c:pt>
                <c:pt idx="89">
                  <c:v>0.43395313232707899</c:v>
                </c:pt>
                <c:pt idx="90">
                  <c:v>0.41317345380423798</c:v>
                </c:pt>
                <c:pt idx="91">
                  <c:v>0.41190800072371497</c:v>
                </c:pt>
                <c:pt idx="92">
                  <c:v>0.410792998422843</c:v>
                </c:pt>
                <c:pt idx="93">
                  <c:v>0.41501744679860503</c:v>
                </c:pt>
                <c:pt idx="94">
                  <c:v>0.41501744686980602</c:v>
                </c:pt>
                <c:pt idx="95">
                  <c:v>0.41501744694075798</c:v>
                </c:pt>
                <c:pt idx="96">
                  <c:v>0.46243005861789199</c:v>
                </c:pt>
                <c:pt idx="97">
                  <c:v>0.49283011667133497</c:v>
                </c:pt>
                <c:pt idx="98">
                  <c:v>0.48576472146105398</c:v>
                </c:pt>
                <c:pt idx="99">
                  <c:v>0.45666777421350302</c:v>
                </c:pt>
                <c:pt idx="100">
                  <c:v>0.455899553827121</c:v>
                </c:pt>
                <c:pt idx="101">
                  <c:v>0.45589955392715498</c:v>
                </c:pt>
                <c:pt idx="102">
                  <c:v>0.45589955402677201</c:v>
                </c:pt>
                <c:pt idx="103">
                  <c:v>0.47984843484099898</c:v>
                </c:pt>
                <c:pt idx="104">
                  <c:v>0.45723912879307099</c:v>
                </c:pt>
                <c:pt idx="105">
                  <c:v>0.37838589753038299</c:v>
                </c:pt>
                <c:pt idx="106">
                  <c:v>0.371549674288502</c:v>
                </c:pt>
                <c:pt idx="107">
                  <c:v>0.37922545305038302</c:v>
                </c:pt>
                <c:pt idx="108">
                  <c:v>0.37922545304153099</c:v>
                </c:pt>
                <c:pt idx="109">
                  <c:v>0.379225453032633</c:v>
                </c:pt>
                <c:pt idx="110">
                  <c:v>0.359911677839102</c:v>
                </c:pt>
                <c:pt idx="111">
                  <c:v>0.33672063445532102</c:v>
                </c:pt>
                <c:pt idx="112">
                  <c:v>0.34866002563036502</c:v>
                </c:pt>
                <c:pt idx="113">
                  <c:v>0.32784292276722898</c:v>
                </c:pt>
                <c:pt idx="114">
                  <c:v>0.33130437054812201</c:v>
                </c:pt>
                <c:pt idx="115">
                  <c:v>0.33130437060942802</c:v>
                </c:pt>
                <c:pt idx="116">
                  <c:v>0.331304370670439</c:v>
                </c:pt>
                <c:pt idx="117">
                  <c:v>0.361232699594217</c:v>
                </c:pt>
                <c:pt idx="118">
                  <c:v>0.32317129407481499</c:v>
                </c:pt>
                <c:pt idx="119">
                  <c:v>0.31270718829057997</c:v>
                </c:pt>
                <c:pt idx="120">
                  <c:v>0.321773986317892</c:v>
                </c:pt>
                <c:pt idx="121">
                  <c:v>0.31901009368080102</c:v>
                </c:pt>
                <c:pt idx="122">
                  <c:v>0.31901009366380201</c:v>
                </c:pt>
                <c:pt idx="123">
                  <c:v>0.31901009364682198</c:v>
                </c:pt>
                <c:pt idx="124">
                  <c:v>0.31328881173129502</c:v>
                </c:pt>
                <c:pt idx="125">
                  <c:v>0.31574663085223198</c:v>
                </c:pt>
                <c:pt idx="126">
                  <c:v>0.30698851470838301</c:v>
                </c:pt>
                <c:pt idx="127">
                  <c:v>0.23457782732104299</c:v>
                </c:pt>
                <c:pt idx="128">
                  <c:v>0.24855828610786301</c:v>
                </c:pt>
                <c:pt idx="129">
                  <c:v>0.24855828608293301</c:v>
                </c:pt>
                <c:pt idx="130">
                  <c:v>0.24855828605809299</c:v>
                </c:pt>
                <c:pt idx="131">
                  <c:v>0.26653975371813299</c:v>
                </c:pt>
                <c:pt idx="132">
                  <c:v>0.25728610971639199</c:v>
                </c:pt>
                <c:pt idx="133">
                  <c:v>0.245029084554274</c:v>
                </c:pt>
                <c:pt idx="134">
                  <c:v>0.243069835974625</c:v>
                </c:pt>
                <c:pt idx="135">
                  <c:v>0.256589554742013</c:v>
                </c:pt>
                <c:pt idx="136">
                  <c:v>0.25658955473278899</c:v>
                </c:pt>
                <c:pt idx="137">
                  <c:v>0.25658955472357797</c:v>
                </c:pt>
                <c:pt idx="138">
                  <c:v>0.31578023744472999</c:v>
                </c:pt>
                <c:pt idx="139">
                  <c:v>0.28535963199960801</c:v>
                </c:pt>
                <c:pt idx="140">
                  <c:v>0.29215690113090198</c:v>
                </c:pt>
                <c:pt idx="141">
                  <c:v>0.29142914081501697</c:v>
                </c:pt>
                <c:pt idx="142">
                  <c:v>0.29116272387945302</c:v>
                </c:pt>
                <c:pt idx="143">
                  <c:v>0.29116272389668701</c:v>
                </c:pt>
                <c:pt idx="144">
                  <c:v>0.29116272391387399</c:v>
                </c:pt>
                <c:pt idx="145">
                  <c:v>0.29116272393099601</c:v>
                </c:pt>
                <c:pt idx="146">
                  <c:v>0.29046227778717298</c:v>
                </c:pt>
                <c:pt idx="147">
                  <c:v>0.29299811011194399</c:v>
                </c:pt>
                <c:pt idx="148">
                  <c:v>0.29757784883791799</c:v>
                </c:pt>
                <c:pt idx="149">
                  <c:v>0.26884485364275701</c:v>
                </c:pt>
                <c:pt idx="150">
                  <c:v>0.26884485366189897</c:v>
                </c:pt>
                <c:pt idx="151">
                  <c:v>0.26884485368091499</c:v>
                </c:pt>
                <c:pt idx="152">
                  <c:v>0.26707885102464202</c:v>
                </c:pt>
                <c:pt idx="153">
                  <c:v>0.27407016270830198</c:v>
                </c:pt>
                <c:pt idx="154">
                  <c:v>0.31801182339415002</c:v>
                </c:pt>
                <c:pt idx="155">
                  <c:v>0.35196158455260801</c:v>
                </c:pt>
                <c:pt idx="156">
                  <c:v>0.41938177396301901</c:v>
                </c:pt>
                <c:pt idx="157">
                  <c:v>0.419381773984634</c:v>
                </c:pt>
                <c:pt idx="158">
                  <c:v>0.41938177400615101</c:v>
                </c:pt>
                <c:pt idx="159">
                  <c:v>0.40014837600556002</c:v>
                </c:pt>
                <c:pt idx="160">
                  <c:v>0.36175378003768399</c:v>
                </c:pt>
                <c:pt idx="161">
                  <c:v>0.29811570472543403</c:v>
                </c:pt>
                <c:pt idx="162">
                  <c:v>0.27864367296752202</c:v>
                </c:pt>
                <c:pt idx="163">
                  <c:v>0.291085726058182</c:v>
                </c:pt>
                <c:pt idx="164">
                  <c:v>0.29108572605304001</c:v>
                </c:pt>
                <c:pt idx="165">
                  <c:v>0.29108572604793798</c:v>
                </c:pt>
                <c:pt idx="166">
                  <c:v>0.29961303084673002</c:v>
                </c:pt>
                <c:pt idx="167">
                  <c:v>0.30533616498057597</c:v>
                </c:pt>
                <c:pt idx="168">
                  <c:v>0.29085561318132402</c:v>
                </c:pt>
                <c:pt idx="169">
                  <c:v>0.278869851330731</c:v>
                </c:pt>
                <c:pt idx="170">
                  <c:v>0.27787106774765102</c:v>
                </c:pt>
                <c:pt idx="171">
                  <c:v>0.27787106775832998</c:v>
                </c:pt>
                <c:pt idx="172">
                  <c:v>0.277871067768934</c:v>
                </c:pt>
                <c:pt idx="173">
                  <c:v>0.28559185657435099</c:v>
                </c:pt>
                <c:pt idx="174">
                  <c:v>0.277254119125666</c:v>
                </c:pt>
                <c:pt idx="175">
                  <c:v>0.26472973052085502</c:v>
                </c:pt>
                <c:pt idx="176">
                  <c:v>0.26392083455996801</c:v>
                </c:pt>
                <c:pt idx="177">
                  <c:v>0.238550476159133</c:v>
                </c:pt>
                <c:pt idx="178">
                  <c:v>0.238550476166317</c:v>
                </c:pt>
                <c:pt idx="179">
                  <c:v>0.23855047617348299</c:v>
                </c:pt>
                <c:pt idx="180">
                  <c:v>0.218971667677028</c:v>
                </c:pt>
                <c:pt idx="181">
                  <c:v>0.22796021787910101</c:v>
                </c:pt>
                <c:pt idx="182">
                  <c:v>0.246208372328895</c:v>
                </c:pt>
                <c:pt idx="183">
                  <c:v>0.23322441256575799</c:v>
                </c:pt>
                <c:pt idx="184">
                  <c:v>0.23122612715424101</c:v>
                </c:pt>
                <c:pt idx="185">
                  <c:v>0.231226127130013</c:v>
                </c:pt>
                <c:pt idx="186">
                  <c:v>0.23122612710587101</c:v>
                </c:pt>
                <c:pt idx="187">
                  <c:v>0.239755329079508</c:v>
                </c:pt>
                <c:pt idx="188">
                  <c:v>0.21931397933622099</c:v>
                </c:pt>
                <c:pt idx="189">
                  <c:v>0.22776741004217699</c:v>
                </c:pt>
                <c:pt idx="190">
                  <c:v>0.21551165153579499</c:v>
                </c:pt>
                <c:pt idx="191">
                  <c:v>0.23748735406434099</c:v>
                </c:pt>
                <c:pt idx="192">
                  <c:v>0.237487354014115</c:v>
                </c:pt>
                <c:pt idx="193">
                  <c:v>0.237487353964044</c:v>
                </c:pt>
                <c:pt idx="194">
                  <c:v>0.22550084141822099</c:v>
                </c:pt>
                <c:pt idx="195">
                  <c:v>0.22722941524099899</c:v>
                </c:pt>
                <c:pt idx="196">
                  <c:v>0.225961930455546</c:v>
                </c:pt>
                <c:pt idx="197">
                  <c:v>0.22046643687841699</c:v>
                </c:pt>
                <c:pt idx="198">
                  <c:v>0.218698148210064</c:v>
                </c:pt>
                <c:pt idx="199">
                  <c:v>0.21869814814550601</c:v>
                </c:pt>
                <c:pt idx="200">
                  <c:v>0.218698148081196</c:v>
                </c:pt>
                <c:pt idx="201">
                  <c:v>0.215701152379209</c:v>
                </c:pt>
                <c:pt idx="202">
                  <c:v>0.20620978314022601</c:v>
                </c:pt>
                <c:pt idx="203">
                  <c:v>0.20620870519972001</c:v>
                </c:pt>
                <c:pt idx="204">
                  <c:v>0.20424915786754</c:v>
                </c:pt>
                <c:pt idx="205">
                  <c:v>0.207400222743924</c:v>
                </c:pt>
                <c:pt idx="206">
                  <c:v>0.20740022270675501</c:v>
                </c:pt>
                <c:pt idx="207">
                  <c:v>0.207400222669754</c:v>
                </c:pt>
                <c:pt idx="208">
                  <c:v>0.22405292616434599</c:v>
                </c:pt>
                <c:pt idx="209">
                  <c:v>0.20540360456976001</c:v>
                </c:pt>
                <c:pt idx="210">
                  <c:v>0.187279046343551</c:v>
                </c:pt>
                <c:pt idx="211">
                  <c:v>0.169550250278482</c:v>
                </c:pt>
                <c:pt idx="212">
                  <c:v>0.16505289399034601</c:v>
                </c:pt>
                <c:pt idx="213">
                  <c:v>0.165052893922704</c:v>
                </c:pt>
                <c:pt idx="214">
                  <c:v>0.16505289385531699</c:v>
                </c:pt>
                <c:pt idx="215">
                  <c:v>0.16478285440815801</c:v>
                </c:pt>
                <c:pt idx="216">
                  <c:v>0.14280039984922099</c:v>
                </c:pt>
                <c:pt idx="217">
                  <c:v>0.17027721776895799</c:v>
                </c:pt>
                <c:pt idx="218">
                  <c:v>0.16950971647459401</c:v>
                </c:pt>
                <c:pt idx="219">
                  <c:v>0.196253392177581</c:v>
                </c:pt>
                <c:pt idx="220">
                  <c:v>0.196253392135153</c:v>
                </c:pt>
                <c:pt idx="221">
                  <c:v>0.196253392092851</c:v>
                </c:pt>
                <c:pt idx="222">
                  <c:v>0.20397675061364601</c:v>
                </c:pt>
                <c:pt idx="223">
                  <c:v>0.225953851503049</c:v>
                </c:pt>
                <c:pt idx="224">
                  <c:v>0.23989855805525701</c:v>
                </c:pt>
                <c:pt idx="225">
                  <c:v>0.25637895148085599</c:v>
                </c:pt>
                <c:pt idx="226">
                  <c:v>0.25637886731293502</c:v>
                </c:pt>
                <c:pt idx="227">
                  <c:v>0.25637886728107001</c:v>
                </c:pt>
                <c:pt idx="228">
                  <c:v>0.25637886724932901</c:v>
                </c:pt>
                <c:pt idx="229">
                  <c:v>0.237401652342317</c:v>
                </c:pt>
                <c:pt idx="230">
                  <c:v>0.22141953180110699</c:v>
                </c:pt>
                <c:pt idx="231">
                  <c:v>0.22768080452498601</c:v>
                </c:pt>
                <c:pt idx="232">
                  <c:v>0.218192074330606</c:v>
                </c:pt>
                <c:pt idx="233">
                  <c:v>0.218691378557511</c:v>
                </c:pt>
                <c:pt idx="234">
                  <c:v>0.21869137850376</c:v>
                </c:pt>
                <c:pt idx="235">
                  <c:v>0.21869137845018599</c:v>
                </c:pt>
                <c:pt idx="236">
                  <c:v>0.22771887696596699</c:v>
                </c:pt>
                <c:pt idx="237">
                  <c:v>0.24619644787762299</c:v>
                </c:pt>
                <c:pt idx="238">
                  <c:v>0.245482615719853</c:v>
                </c:pt>
                <c:pt idx="239">
                  <c:v>0.26563493296082902</c:v>
                </c:pt>
                <c:pt idx="240">
                  <c:v>0.246428377118387</c:v>
                </c:pt>
                <c:pt idx="241">
                  <c:v>0.24642837709479001</c:v>
                </c:pt>
                <c:pt idx="242">
                  <c:v>0.246428377071294</c:v>
                </c:pt>
                <c:pt idx="243">
                  <c:v>0.23793820059582199</c:v>
                </c:pt>
                <c:pt idx="244">
                  <c:v>0.22295429056605101</c:v>
                </c:pt>
                <c:pt idx="245">
                  <c:v>0.22594969531089501</c:v>
                </c:pt>
                <c:pt idx="246">
                  <c:v>0.22222485140782</c:v>
                </c:pt>
                <c:pt idx="247">
                  <c:v>0.26417421648443901</c:v>
                </c:pt>
                <c:pt idx="248">
                  <c:v>0.26417421646585099</c:v>
                </c:pt>
                <c:pt idx="249">
                  <c:v>0.26417421644733302</c:v>
                </c:pt>
                <c:pt idx="250">
                  <c:v>0.26417424236051801</c:v>
                </c:pt>
                <c:pt idx="251">
                  <c:v>0.23620781765858401</c:v>
                </c:pt>
                <c:pt idx="252">
                  <c:v>0.23620720168923701</c:v>
                </c:pt>
                <c:pt idx="253">
                  <c:v>0.23121396333740701</c:v>
                </c:pt>
                <c:pt idx="254">
                  <c:v>0.21822773258817399</c:v>
                </c:pt>
                <c:pt idx="255">
                  <c:v>0.21822773256518599</c:v>
                </c:pt>
                <c:pt idx="256">
                  <c:v>0.218227732542318</c:v>
                </c:pt>
                <c:pt idx="257">
                  <c:v>0.22595043671249199</c:v>
                </c:pt>
                <c:pt idx="258">
                  <c:v>0.227678979570764</c:v>
                </c:pt>
                <c:pt idx="259">
                  <c:v>0.22917591508598401</c:v>
                </c:pt>
                <c:pt idx="260">
                  <c:v>0.23393859364467401</c:v>
                </c:pt>
                <c:pt idx="261">
                  <c:v>0.24192980653590701</c:v>
                </c:pt>
                <c:pt idx="262">
                  <c:v>0.241929806520471</c:v>
                </c:pt>
                <c:pt idx="263">
                  <c:v>0.24192980650506599</c:v>
                </c:pt>
                <c:pt idx="264">
                  <c:v>0.232939485793247</c:v>
                </c:pt>
                <c:pt idx="265">
                  <c:v>0.22767573258004001</c:v>
                </c:pt>
                <c:pt idx="266">
                  <c:v>0.22733049375778899</c:v>
                </c:pt>
                <c:pt idx="267">
                  <c:v>0.23469256050777801</c:v>
                </c:pt>
                <c:pt idx="268">
                  <c:v>0.22643187599482201</c:v>
                </c:pt>
                <c:pt idx="269">
                  <c:v>0.226431875981155</c:v>
                </c:pt>
                <c:pt idx="270">
                  <c:v>0.22643187596756501</c:v>
                </c:pt>
                <c:pt idx="271">
                  <c:v>0.23192659407843599</c:v>
                </c:pt>
                <c:pt idx="272">
                  <c:v>0.222067547477837</c:v>
                </c:pt>
                <c:pt idx="273">
                  <c:v>0.23678077671518899</c:v>
                </c:pt>
                <c:pt idx="274">
                  <c:v>0.23678158680106601</c:v>
                </c:pt>
                <c:pt idx="275">
                  <c:v>0.24150652521176899</c:v>
                </c:pt>
                <c:pt idx="276">
                  <c:v>0.241506525205468</c:v>
                </c:pt>
                <c:pt idx="277">
                  <c:v>0.241506525199113</c:v>
                </c:pt>
                <c:pt idx="278">
                  <c:v>0.28517913391468203</c:v>
                </c:pt>
                <c:pt idx="279">
                  <c:v>0.27315885749267899</c:v>
                </c:pt>
                <c:pt idx="280">
                  <c:v>0.29962089542286402</c:v>
                </c:pt>
                <c:pt idx="281">
                  <c:v>0.29013409962091402</c:v>
                </c:pt>
                <c:pt idx="282">
                  <c:v>0.29612456569909501</c:v>
                </c:pt>
                <c:pt idx="283">
                  <c:v>0.29612456568628698</c:v>
                </c:pt>
                <c:pt idx="284">
                  <c:v>0.29612456567353501</c:v>
                </c:pt>
                <c:pt idx="285">
                  <c:v>0.29612434676023702</c:v>
                </c:pt>
                <c:pt idx="286">
                  <c:v>0.26766671197269698</c:v>
                </c:pt>
                <c:pt idx="287">
                  <c:v>0.26743640884508202</c:v>
                </c:pt>
                <c:pt idx="288">
                  <c:v>0.27815373077824901</c:v>
                </c:pt>
                <c:pt idx="289">
                  <c:v>0.2806478536616</c:v>
                </c:pt>
                <c:pt idx="290">
                  <c:v>0.28064785364969302</c:v>
                </c:pt>
                <c:pt idx="291">
                  <c:v>0.28064785363782202</c:v>
                </c:pt>
                <c:pt idx="292">
                  <c:v>0.29362829198469398</c:v>
                </c:pt>
                <c:pt idx="293">
                  <c:v>0.30511153994251999</c:v>
                </c:pt>
                <c:pt idx="294">
                  <c:v>0.31137139894236898</c:v>
                </c:pt>
                <c:pt idx="295">
                  <c:v>0.33506330615894397</c:v>
                </c:pt>
                <c:pt idx="296">
                  <c:v>0.32381139725070002</c:v>
                </c:pt>
                <c:pt idx="297">
                  <c:v>0.32381139724941399</c:v>
                </c:pt>
                <c:pt idx="298">
                  <c:v>0.32381139724808999</c:v>
                </c:pt>
                <c:pt idx="299">
                  <c:v>0.30593924600087402</c:v>
                </c:pt>
                <c:pt idx="300">
                  <c:v>0.28832771584946298</c:v>
                </c:pt>
                <c:pt idx="301">
                  <c:v>0.29496025794943798</c:v>
                </c:pt>
                <c:pt idx="302">
                  <c:v>0.321625507921322</c:v>
                </c:pt>
                <c:pt idx="303">
                  <c:v>0.33460468856273801</c:v>
                </c:pt>
                <c:pt idx="304">
                  <c:v>0.33460468855994102</c:v>
                </c:pt>
                <c:pt idx="305">
                  <c:v>0.33460468855715603</c:v>
                </c:pt>
                <c:pt idx="306">
                  <c:v>0.32312328905005699</c:v>
                </c:pt>
                <c:pt idx="307">
                  <c:v>0.33836749929533799</c:v>
                </c:pt>
                <c:pt idx="308">
                  <c:v>0.28291407002119301</c:v>
                </c:pt>
                <c:pt idx="309">
                  <c:v>0.28767607675368201</c:v>
                </c:pt>
                <c:pt idx="310">
                  <c:v>0.31313739248102901</c:v>
                </c:pt>
                <c:pt idx="311">
                  <c:v>0.31313739247751898</c:v>
                </c:pt>
                <c:pt idx="312">
                  <c:v>0.31313739247403899</c:v>
                </c:pt>
                <c:pt idx="313">
                  <c:v>0.37353367064162502</c:v>
                </c:pt>
                <c:pt idx="314">
                  <c:v>0.39399534658589402</c:v>
                </c:pt>
                <c:pt idx="315">
                  <c:v>0.393995061717475</c:v>
                </c:pt>
                <c:pt idx="316">
                  <c:v>0.34209105403648299</c:v>
                </c:pt>
                <c:pt idx="317">
                  <c:v>0.35103593388038101</c:v>
                </c:pt>
                <c:pt idx="318">
                  <c:v>0.35103593388131799</c:v>
                </c:pt>
                <c:pt idx="319">
                  <c:v>0.35103593388222398</c:v>
                </c:pt>
                <c:pt idx="320">
                  <c:v>0.35652596759675498</c:v>
                </c:pt>
                <c:pt idx="321">
                  <c:v>0.33456292962956602</c:v>
                </c:pt>
                <c:pt idx="322">
                  <c:v>0.34635122937742802</c:v>
                </c:pt>
                <c:pt idx="323">
                  <c:v>0.34343607086724598</c:v>
                </c:pt>
                <c:pt idx="324">
                  <c:v>0.33494909618096902</c:v>
                </c:pt>
                <c:pt idx="325">
                  <c:v>0.33494909618242502</c:v>
                </c:pt>
                <c:pt idx="326">
                  <c:v>0.33494909618387297</c:v>
                </c:pt>
                <c:pt idx="327">
                  <c:v>0.34769658027469103</c:v>
                </c:pt>
                <c:pt idx="328">
                  <c:v>0.352878551800555</c:v>
                </c:pt>
                <c:pt idx="329">
                  <c:v>0.34888581724589102</c:v>
                </c:pt>
                <c:pt idx="330">
                  <c:v>0.34869143830987098</c:v>
                </c:pt>
                <c:pt idx="331">
                  <c:v>0.326921575576407</c:v>
                </c:pt>
                <c:pt idx="332">
                  <c:v>0.32692157557022</c:v>
                </c:pt>
                <c:pt idx="333">
                  <c:v>0.32692157556406998</c:v>
                </c:pt>
                <c:pt idx="334">
                  <c:v>0.34627677682250901</c:v>
                </c:pt>
                <c:pt idx="335">
                  <c:v>0.38455846382470299</c:v>
                </c:pt>
                <c:pt idx="336">
                  <c:v>0.384441112323607</c:v>
                </c:pt>
                <c:pt idx="337">
                  <c:v>0.37196187323961899</c:v>
                </c:pt>
                <c:pt idx="338">
                  <c:v>0.39530126707036201</c:v>
                </c:pt>
                <c:pt idx="339">
                  <c:v>0.39530126706885799</c:v>
                </c:pt>
                <c:pt idx="340">
                  <c:v>0.39530126706737301</c:v>
                </c:pt>
                <c:pt idx="341">
                  <c:v>0.36308942667920302</c:v>
                </c:pt>
                <c:pt idx="342">
                  <c:v>0.36335751408938299</c:v>
                </c:pt>
                <c:pt idx="343">
                  <c:v>0.37763934718626202</c:v>
                </c:pt>
                <c:pt idx="344">
                  <c:v>0.35748142274899503</c:v>
                </c:pt>
                <c:pt idx="345">
                  <c:v>0.33682066993937099</c:v>
                </c:pt>
                <c:pt idx="346">
                  <c:v>0.33682066993661602</c:v>
                </c:pt>
                <c:pt idx="347">
                  <c:v>0.33682066993389398</c:v>
                </c:pt>
                <c:pt idx="348">
                  <c:v>0.34480619517862399</c:v>
                </c:pt>
                <c:pt idx="349">
                  <c:v>0.35510037602004002</c:v>
                </c:pt>
                <c:pt idx="350">
                  <c:v>0.35502089128268299</c:v>
                </c:pt>
                <c:pt idx="351">
                  <c:v>0.36300871420890801</c:v>
                </c:pt>
                <c:pt idx="352">
                  <c:v>0.367270674079263</c:v>
                </c:pt>
                <c:pt idx="353">
                  <c:v>0.36727067407963399</c:v>
                </c:pt>
                <c:pt idx="354">
                  <c:v>0.367270674079959</c:v>
                </c:pt>
                <c:pt idx="355">
                  <c:v>0.36953774539318501</c:v>
                </c:pt>
                <c:pt idx="356">
                  <c:v>0.36032274241094298</c:v>
                </c:pt>
                <c:pt idx="357">
                  <c:v>0.36950832147992202</c:v>
                </c:pt>
                <c:pt idx="358">
                  <c:v>0.36584116613509898</c:v>
                </c:pt>
                <c:pt idx="359">
                  <c:v>0.36584116613200401</c:v>
                </c:pt>
                <c:pt idx="360">
                  <c:v>0.36584116612894702</c:v>
                </c:pt>
                <c:pt idx="361">
                  <c:v>0.36584116612586498</c:v>
                </c:pt>
                <c:pt idx="362">
                  <c:v>0.36584110686622001</c:v>
                </c:pt>
                <c:pt idx="363">
                  <c:v>0.36458897616534602</c:v>
                </c:pt>
                <c:pt idx="364">
                  <c:v>0.35171696074667702</c:v>
                </c:pt>
                <c:pt idx="365">
                  <c:v>0.34346215580554501</c:v>
                </c:pt>
                <c:pt idx="366">
                  <c:v>0.34346215580152401</c:v>
                </c:pt>
                <c:pt idx="367">
                  <c:v>0.34346215579746098</c:v>
                </c:pt>
                <c:pt idx="368">
                  <c:v>0.34346215579343098</c:v>
                </c:pt>
                <c:pt idx="369">
                  <c:v>0.33247975845853001</c:v>
                </c:pt>
                <c:pt idx="370">
                  <c:v>0.34891215830059102</c:v>
                </c:pt>
                <c:pt idx="371">
                  <c:v>0.39056970912580202</c:v>
                </c:pt>
                <c:pt idx="372">
                  <c:v>0.43502147825327298</c:v>
                </c:pt>
                <c:pt idx="373">
                  <c:v>0.46568753932143497</c:v>
                </c:pt>
                <c:pt idx="374">
                  <c:v>0.465687539323068</c:v>
                </c:pt>
                <c:pt idx="375">
                  <c:v>0.46568753932465401</c:v>
                </c:pt>
                <c:pt idx="376">
                  <c:v>0.48065413153820602</c:v>
                </c:pt>
                <c:pt idx="377">
                  <c:v>0.48537481602798899</c:v>
                </c:pt>
                <c:pt idx="378">
                  <c:v>0.45544171121968302</c:v>
                </c:pt>
                <c:pt idx="379">
                  <c:v>0.46093214290807999</c:v>
                </c:pt>
                <c:pt idx="380">
                  <c:v>0.436481750140433</c:v>
                </c:pt>
                <c:pt idx="381">
                  <c:v>0.436481750134739</c:v>
                </c:pt>
                <c:pt idx="382">
                  <c:v>0.43648175012905299</c:v>
                </c:pt>
                <c:pt idx="383">
                  <c:v>0.436481833988206</c:v>
                </c:pt>
                <c:pt idx="384">
                  <c:v>0.42750072692327301</c:v>
                </c:pt>
                <c:pt idx="385">
                  <c:v>0.430726130575591</c:v>
                </c:pt>
                <c:pt idx="386">
                  <c:v>0.437939209806948</c:v>
                </c:pt>
                <c:pt idx="387">
                  <c:v>0.43168322455069902</c:v>
                </c:pt>
                <c:pt idx="388">
                  <c:v>0.43168322454701302</c:v>
                </c:pt>
                <c:pt idx="389">
                  <c:v>0.43168322454327701</c:v>
                </c:pt>
                <c:pt idx="390">
                  <c:v>0.40719415726605701</c:v>
                </c:pt>
                <c:pt idx="391">
                  <c:v>0.41068743035765198</c:v>
                </c:pt>
                <c:pt idx="392">
                  <c:v>0.40584431274264698</c:v>
                </c:pt>
                <c:pt idx="393">
                  <c:v>0.42641882941090797</c:v>
                </c:pt>
                <c:pt idx="394">
                  <c:v>0.437434776464246</c:v>
                </c:pt>
                <c:pt idx="395">
                  <c:v>0.43743477646145301</c:v>
                </c:pt>
                <c:pt idx="396">
                  <c:v>0.43743477645866802</c:v>
                </c:pt>
                <c:pt idx="397">
                  <c:v>0.429181373522526</c:v>
                </c:pt>
                <c:pt idx="398">
                  <c:v>0.456892494523787</c:v>
                </c:pt>
                <c:pt idx="399">
                  <c:v>0.47857611042954901</c:v>
                </c:pt>
                <c:pt idx="400">
                  <c:v>0.48356286643688201</c:v>
                </c:pt>
                <c:pt idx="401">
                  <c:v>0.49381034998367301</c:v>
                </c:pt>
                <c:pt idx="402">
                  <c:v>0.493810349990289</c:v>
                </c:pt>
                <c:pt idx="403">
                  <c:v>0.49381034999684498</c:v>
                </c:pt>
                <c:pt idx="404">
                  <c:v>0.50528210483708702</c:v>
                </c:pt>
                <c:pt idx="405">
                  <c:v>0.49734205262997999</c:v>
                </c:pt>
                <c:pt idx="406">
                  <c:v>0.47865531747357898</c:v>
                </c:pt>
                <c:pt idx="407">
                  <c:v>0.49638504148141099</c:v>
                </c:pt>
                <c:pt idx="408">
                  <c:v>0.52708217088624199</c:v>
                </c:pt>
                <c:pt idx="409">
                  <c:v>0.52708217089030696</c:v>
                </c:pt>
                <c:pt idx="410">
                  <c:v>0.52708217089435705</c:v>
                </c:pt>
                <c:pt idx="411">
                  <c:v>0.52708224163475004</c:v>
                </c:pt>
                <c:pt idx="412">
                  <c:v>0.601387671018624</c:v>
                </c:pt>
                <c:pt idx="413">
                  <c:v>0.58941450703649301</c:v>
                </c:pt>
                <c:pt idx="414">
                  <c:v>0.58845668033209597</c:v>
                </c:pt>
                <c:pt idx="415">
                  <c:v>0.62136396913290703</c:v>
                </c:pt>
                <c:pt idx="416">
                  <c:v>0.62136396913779601</c:v>
                </c:pt>
                <c:pt idx="417">
                  <c:v>0.62136396914266601</c:v>
                </c:pt>
                <c:pt idx="418">
                  <c:v>0.64203636691613197</c:v>
                </c:pt>
                <c:pt idx="419">
                  <c:v>0.62255166217894797</c:v>
                </c:pt>
                <c:pt idx="420">
                  <c:v>0.62500770561786501</c:v>
                </c:pt>
                <c:pt idx="421">
                  <c:v>0.79569833945062096</c:v>
                </c:pt>
                <c:pt idx="422">
                  <c:v>0.72720761934823297</c:v>
                </c:pt>
                <c:pt idx="423">
                  <c:v>0.72720761935693201</c:v>
                </c:pt>
                <c:pt idx="424">
                  <c:v>0.72720761936560196</c:v>
                </c:pt>
                <c:pt idx="425">
                  <c:v>0.73403725472942505</c:v>
                </c:pt>
                <c:pt idx="426">
                  <c:v>0.69719717987903096</c:v>
                </c:pt>
                <c:pt idx="427">
                  <c:v>0.74572870091598298</c:v>
                </c:pt>
                <c:pt idx="428">
                  <c:v>0.79328869545874203</c:v>
                </c:pt>
                <c:pt idx="429">
                  <c:v>0.794659726758567</c:v>
                </c:pt>
                <c:pt idx="430">
                  <c:v>0.79465972675243701</c:v>
                </c:pt>
                <c:pt idx="431">
                  <c:v>0.79465972674631702</c:v>
                </c:pt>
                <c:pt idx="432">
                  <c:v>0.84248605185729297</c:v>
                </c:pt>
                <c:pt idx="433">
                  <c:v>0.80064368260587404</c:v>
                </c:pt>
                <c:pt idx="434">
                  <c:v>0.77300840095004097</c:v>
                </c:pt>
                <c:pt idx="435">
                  <c:v>0.77699260751858501</c:v>
                </c:pt>
                <c:pt idx="436">
                  <c:v>0.82799579095048903</c:v>
                </c:pt>
                <c:pt idx="437">
                  <c:v>0.82799579095125697</c:v>
                </c:pt>
                <c:pt idx="438">
                  <c:v>0.82799579095201303</c:v>
                </c:pt>
                <c:pt idx="439">
                  <c:v>0.81531797204370804</c:v>
                </c:pt>
                <c:pt idx="440">
                  <c:v>0.80734880497697104</c:v>
                </c:pt>
                <c:pt idx="441">
                  <c:v>0.79864883146365995</c:v>
                </c:pt>
                <c:pt idx="442">
                  <c:v>0.84298220039397898</c:v>
                </c:pt>
                <c:pt idx="443">
                  <c:v>0.87906899777467096</c:v>
                </c:pt>
                <c:pt idx="444">
                  <c:v>0.87906899777964398</c:v>
                </c:pt>
                <c:pt idx="445">
                  <c:v>0.87906899778465297</c:v>
                </c:pt>
                <c:pt idx="446">
                  <c:v>0.85688675816167403</c:v>
                </c:pt>
                <c:pt idx="447">
                  <c:v>0.81626721437147698</c:v>
                </c:pt>
                <c:pt idx="448">
                  <c:v>0.81876055486876997</c:v>
                </c:pt>
                <c:pt idx="449">
                  <c:v>0.82591308788059803</c:v>
                </c:pt>
                <c:pt idx="450">
                  <c:v>0.85306067152336995</c:v>
                </c:pt>
                <c:pt idx="451">
                  <c:v>0.85306067152730103</c:v>
                </c:pt>
                <c:pt idx="452">
                  <c:v>0.85306067153123999</c:v>
                </c:pt>
                <c:pt idx="453">
                  <c:v>0.883780688751719</c:v>
                </c:pt>
                <c:pt idx="454">
                  <c:v>0.90958525788036504</c:v>
                </c:pt>
                <c:pt idx="455">
                  <c:v>0.93588780937855898</c:v>
                </c:pt>
                <c:pt idx="456">
                  <c:v>0.91099754285722001</c:v>
                </c:pt>
                <c:pt idx="457">
                  <c:v>0.98319060279594905</c:v>
                </c:pt>
                <c:pt idx="458">
                  <c:v>0.98319060282457105</c:v>
                </c:pt>
                <c:pt idx="459">
                  <c:v>0.98319060285309801</c:v>
                </c:pt>
                <c:pt idx="460">
                  <c:v>0.95083493735486402</c:v>
                </c:pt>
                <c:pt idx="461">
                  <c:v>0.88533486140042394</c:v>
                </c:pt>
                <c:pt idx="462">
                  <c:v>0.88433311837204398</c:v>
                </c:pt>
                <c:pt idx="463">
                  <c:v>0.84824575524156698</c:v>
                </c:pt>
                <c:pt idx="464">
                  <c:v>0.86916502332790702</c:v>
                </c:pt>
                <c:pt idx="465">
                  <c:v>0.86916502333033796</c:v>
                </c:pt>
                <c:pt idx="466">
                  <c:v>0.86916502333275802</c:v>
                </c:pt>
                <c:pt idx="467">
                  <c:v>0.88509946442311704</c:v>
                </c:pt>
                <c:pt idx="468">
                  <c:v>0.83031423334685495</c:v>
                </c:pt>
                <c:pt idx="469">
                  <c:v>0.83528875936893598</c:v>
                </c:pt>
                <c:pt idx="470">
                  <c:v>0.78275257983062396</c:v>
                </c:pt>
                <c:pt idx="471">
                  <c:v>0.80992903742762401</c:v>
                </c:pt>
                <c:pt idx="472">
                  <c:v>0.80992903743460198</c:v>
                </c:pt>
                <c:pt idx="473">
                  <c:v>0.80992903744149503</c:v>
                </c:pt>
                <c:pt idx="474">
                  <c:v>0.80444698941924997</c:v>
                </c:pt>
                <c:pt idx="475">
                  <c:v>0.77980629733125795</c:v>
                </c:pt>
                <c:pt idx="476">
                  <c:v>0.78256884763687196</c:v>
                </c:pt>
                <c:pt idx="477">
                  <c:v>0.78954270759384804</c:v>
                </c:pt>
                <c:pt idx="478">
                  <c:v>0.80798000743585296</c:v>
                </c:pt>
                <c:pt idx="479">
                  <c:v>0.807980007450951</c:v>
                </c:pt>
                <c:pt idx="480">
                  <c:v>0.80798000746601095</c:v>
                </c:pt>
                <c:pt idx="481">
                  <c:v>0.82096926699794004</c:v>
                </c:pt>
                <c:pt idx="482">
                  <c:v>0.85467292771705206</c:v>
                </c:pt>
                <c:pt idx="483">
                  <c:v>0.84164888759919398</c:v>
                </c:pt>
                <c:pt idx="484">
                  <c:v>0.84954983076308999</c:v>
                </c:pt>
                <c:pt idx="485">
                  <c:v>0.83759359293756996</c:v>
                </c:pt>
                <c:pt idx="486">
                  <c:v>0.83759359295258795</c:v>
                </c:pt>
                <c:pt idx="487">
                  <c:v>0.83759359296754698</c:v>
                </c:pt>
                <c:pt idx="488">
                  <c:v>0.82065708401395498</c:v>
                </c:pt>
                <c:pt idx="489">
                  <c:v>0.81169346300142597</c:v>
                </c:pt>
                <c:pt idx="490">
                  <c:v>0.79525249245027596</c:v>
                </c:pt>
                <c:pt idx="491">
                  <c:v>0.79325596888235395</c:v>
                </c:pt>
                <c:pt idx="492">
                  <c:v>0.75688419927822603</c:v>
                </c:pt>
                <c:pt idx="493">
                  <c:v>0.75688419928546502</c:v>
                </c:pt>
                <c:pt idx="494">
                  <c:v>0.75688419929261797</c:v>
                </c:pt>
                <c:pt idx="495">
                  <c:v>0.76136811412235705</c:v>
                </c:pt>
                <c:pt idx="496">
                  <c:v>0.77581595888758703</c:v>
                </c:pt>
                <c:pt idx="497">
                  <c:v>0.84084772021768295</c:v>
                </c:pt>
                <c:pt idx="498">
                  <c:v>0.79823436727571695</c:v>
                </c:pt>
                <c:pt idx="499">
                  <c:v>0.80050014895166499</c:v>
                </c:pt>
                <c:pt idx="500">
                  <c:v>0.80050014897216104</c:v>
                </c:pt>
                <c:pt idx="501">
                  <c:v>0.800500148992634</c:v>
                </c:pt>
                <c:pt idx="502">
                  <c:v>0.80348512617642698</c:v>
                </c:pt>
                <c:pt idx="503">
                  <c:v>0.80149091547807305</c:v>
                </c:pt>
                <c:pt idx="504">
                  <c:v>0.83812227071519796</c:v>
                </c:pt>
                <c:pt idx="505">
                  <c:v>0.803750086012468</c:v>
                </c:pt>
                <c:pt idx="506">
                  <c:v>0.80973078367720897</c:v>
                </c:pt>
                <c:pt idx="507">
                  <c:v>0.80973078369864504</c:v>
                </c:pt>
                <c:pt idx="508">
                  <c:v>0.80973078371998197</c:v>
                </c:pt>
                <c:pt idx="509">
                  <c:v>0.788803118123377</c:v>
                </c:pt>
                <c:pt idx="510">
                  <c:v>0.74921209795648203</c:v>
                </c:pt>
                <c:pt idx="511">
                  <c:v>0.76254698945104604</c:v>
                </c:pt>
                <c:pt idx="512">
                  <c:v>0.78516574534711003</c:v>
                </c:pt>
                <c:pt idx="513">
                  <c:v>0.77995774364584403</c:v>
                </c:pt>
                <c:pt idx="514">
                  <c:v>0.77995774366912396</c:v>
                </c:pt>
                <c:pt idx="515">
                  <c:v>0.77995774369233195</c:v>
                </c:pt>
                <c:pt idx="516">
                  <c:v>0.77995774371549498</c:v>
                </c:pt>
                <c:pt idx="517">
                  <c:v>0.80264843391571705</c:v>
                </c:pt>
                <c:pt idx="518">
                  <c:v>0.78090877933754199</c:v>
                </c:pt>
                <c:pt idx="519">
                  <c:v>0.820761969763104</c:v>
                </c:pt>
                <c:pt idx="520">
                  <c:v>0.75998277048423102</c:v>
                </c:pt>
                <c:pt idx="521">
                  <c:v>0.75998277048935703</c:v>
                </c:pt>
                <c:pt idx="522">
                  <c:v>0.75998277049445695</c:v>
                </c:pt>
                <c:pt idx="523">
                  <c:v>0.76568956244284803</c:v>
                </c:pt>
                <c:pt idx="524">
                  <c:v>0.74177185931151601</c:v>
                </c:pt>
                <c:pt idx="525">
                  <c:v>0.71934768000604099</c:v>
                </c:pt>
                <c:pt idx="526">
                  <c:v>0.69796175873728705</c:v>
                </c:pt>
                <c:pt idx="527">
                  <c:v>0.72686817208634802</c:v>
                </c:pt>
                <c:pt idx="528">
                  <c:v>0.72686817209497101</c:v>
                </c:pt>
                <c:pt idx="529">
                  <c:v>0.72686817210357302</c:v>
                </c:pt>
                <c:pt idx="530">
                  <c:v>0.76125195210596996</c:v>
                </c:pt>
                <c:pt idx="531">
                  <c:v>0.75726957205665302</c:v>
                </c:pt>
                <c:pt idx="532">
                  <c:v>0.87333899071314003</c:v>
                </c:pt>
                <c:pt idx="533">
                  <c:v>0.85042874751592601</c:v>
                </c:pt>
                <c:pt idx="534">
                  <c:v>0.83174006939143896</c:v>
                </c:pt>
                <c:pt idx="535">
                  <c:v>0.831740069456539</c:v>
                </c:pt>
                <c:pt idx="536">
                  <c:v>0.83174006952146695</c:v>
                </c:pt>
                <c:pt idx="537">
                  <c:v>0.840665235221286</c:v>
                </c:pt>
                <c:pt idx="538">
                  <c:v>0.820239491468714</c:v>
                </c:pt>
                <c:pt idx="539">
                  <c:v>0.85556416491300602</c:v>
                </c:pt>
                <c:pt idx="540">
                  <c:v>0.86381431024112798</c:v>
                </c:pt>
                <c:pt idx="541">
                  <c:v>0.87850511943647003</c:v>
                </c:pt>
                <c:pt idx="542">
                  <c:v>0.87850511951604504</c:v>
                </c:pt>
                <c:pt idx="543">
                  <c:v>0.87850511959539201</c:v>
                </c:pt>
                <c:pt idx="544">
                  <c:v>0.86604443430660005</c:v>
                </c:pt>
                <c:pt idx="545">
                  <c:v>0.86104114627055195</c:v>
                </c:pt>
                <c:pt idx="546">
                  <c:v>0.85356861877293899</c:v>
                </c:pt>
                <c:pt idx="547">
                  <c:v>0.87018859467181398</c:v>
                </c:pt>
                <c:pt idx="548">
                  <c:v>0.82861903775878198</c:v>
                </c:pt>
                <c:pt idx="549">
                  <c:v>0.828619037831268</c:v>
                </c:pt>
                <c:pt idx="550">
                  <c:v>0.82861903790346003</c:v>
                </c:pt>
                <c:pt idx="551">
                  <c:v>0.82861848605830801</c:v>
                </c:pt>
                <c:pt idx="552">
                  <c:v>0.77481770768801095</c:v>
                </c:pt>
                <c:pt idx="553">
                  <c:v>0.75837496836140605</c:v>
                </c:pt>
                <c:pt idx="554">
                  <c:v>0.71927642019916904</c:v>
                </c:pt>
                <c:pt idx="555">
                  <c:v>0.77187069253248197</c:v>
                </c:pt>
                <c:pt idx="556">
                  <c:v>0.7718706925969</c:v>
                </c:pt>
                <c:pt idx="557">
                  <c:v>0.77187069266107999</c:v>
                </c:pt>
                <c:pt idx="558">
                  <c:v>0.77685307390186298</c:v>
                </c:pt>
                <c:pt idx="559">
                  <c:v>0.81969856294557797</c:v>
                </c:pt>
                <c:pt idx="560">
                  <c:v>0.78061368247520602</c:v>
                </c:pt>
                <c:pt idx="561">
                  <c:v>0.75320948768645302</c:v>
                </c:pt>
                <c:pt idx="562">
                  <c:v>0.75642756940912004</c:v>
                </c:pt>
                <c:pt idx="563">
                  <c:v>0.75642756947549505</c:v>
                </c:pt>
                <c:pt idx="564">
                  <c:v>0.75642756954163004</c:v>
                </c:pt>
                <c:pt idx="565">
                  <c:v>0.66047036241375301</c:v>
                </c:pt>
                <c:pt idx="566">
                  <c:v>0.65149755673330001</c:v>
                </c:pt>
                <c:pt idx="567">
                  <c:v>0.71556542330278505</c:v>
                </c:pt>
                <c:pt idx="568">
                  <c:v>0.691913564764705</c:v>
                </c:pt>
                <c:pt idx="569">
                  <c:v>0.70165485191037402</c:v>
                </c:pt>
                <c:pt idx="570">
                  <c:v>0.70165485196454203</c:v>
                </c:pt>
                <c:pt idx="571">
                  <c:v>0.70165485201853395</c:v>
                </c:pt>
                <c:pt idx="572">
                  <c:v>0.71321524763172395</c:v>
                </c:pt>
                <c:pt idx="573">
                  <c:v>0.68247269783805697</c:v>
                </c:pt>
                <c:pt idx="574">
                  <c:v>0.68306494866504697</c:v>
                </c:pt>
                <c:pt idx="575">
                  <c:v>0.71931834018107099</c:v>
                </c:pt>
                <c:pt idx="576">
                  <c:v>0.68792062041628299</c:v>
                </c:pt>
                <c:pt idx="577">
                  <c:v>0.68792062045546298</c:v>
                </c:pt>
                <c:pt idx="578">
                  <c:v>0.68792062049451097</c:v>
                </c:pt>
                <c:pt idx="579">
                  <c:v>0.64355690736589999</c:v>
                </c:pt>
                <c:pt idx="580">
                  <c:v>0.63458346808250699</c:v>
                </c:pt>
                <c:pt idx="581">
                  <c:v>0.65801301773049403</c:v>
                </c:pt>
                <c:pt idx="582">
                  <c:v>0.71111692673927196</c:v>
                </c:pt>
                <c:pt idx="583">
                  <c:v>0.76493510933860998</c:v>
                </c:pt>
                <c:pt idx="584">
                  <c:v>0.76493510940043996</c:v>
                </c:pt>
                <c:pt idx="585">
                  <c:v>0.76493510946210497</c:v>
                </c:pt>
                <c:pt idx="586">
                  <c:v>0.78907580250631804</c:v>
                </c:pt>
                <c:pt idx="587">
                  <c:v>0.81049611864899096</c:v>
                </c:pt>
                <c:pt idx="588">
                  <c:v>0.78957154099410798</c:v>
                </c:pt>
                <c:pt idx="589">
                  <c:v>0.80922622030884594</c:v>
                </c:pt>
                <c:pt idx="590">
                  <c:v>0.76538672532563301</c:v>
                </c:pt>
                <c:pt idx="591">
                  <c:v>0.76538672539488295</c:v>
                </c:pt>
                <c:pt idx="592">
                  <c:v>0.76538672546387698</c:v>
                </c:pt>
                <c:pt idx="593">
                  <c:v>0.73299867800313001</c:v>
                </c:pt>
                <c:pt idx="594">
                  <c:v>0.75120914774140701</c:v>
                </c:pt>
                <c:pt idx="595">
                  <c:v>0.76466348530183503</c:v>
                </c:pt>
                <c:pt idx="596">
                  <c:v>0.75370259110145299</c:v>
                </c:pt>
                <c:pt idx="597">
                  <c:v>0.76317047177209396</c:v>
                </c:pt>
                <c:pt idx="598">
                  <c:v>0.76317047183603404</c:v>
                </c:pt>
                <c:pt idx="599">
                  <c:v>0.76317047189976805</c:v>
                </c:pt>
                <c:pt idx="600">
                  <c:v>0.75044260432288301</c:v>
                </c:pt>
                <c:pt idx="601">
                  <c:v>0.77530985598149904</c:v>
                </c:pt>
                <c:pt idx="602">
                  <c:v>0.811177809836374</c:v>
                </c:pt>
                <c:pt idx="603">
                  <c:v>0.81529379892590503</c:v>
                </c:pt>
                <c:pt idx="604">
                  <c:v>0.78279873326388305</c:v>
                </c:pt>
                <c:pt idx="605">
                  <c:v>0.78279873330663796</c:v>
                </c:pt>
                <c:pt idx="606">
                  <c:v>0.782798733349238</c:v>
                </c:pt>
                <c:pt idx="607">
                  <c:v>0.75240587873893905</c:v>
                </c:pt>
                <c:pt idx="608">
                  <c:v>0.76114811399665205</c:v>
                </c:pt>
                <c:pt idx="609">
                  <c:v>0.76314209824978096</c:v>
                </c:pt>
                <c:pt idx="610">
                  <c:v>0.75766354344807296</c:v>
                </c:pt>
                <c:pt idx="611">
                  <c:v>0.77188511144120397</c:v>
                </c:pt>
                <c:pt idx="612">
                  <c:v>0.771885111497294</c:v>
                </c:pt>
                <c:pt idx="613">
                  <c:v>0.77188511155322703</c:v>
                </c:pt>
                <c:pt idx="614">
                  <c:v>0.77188453401234602</c:v>
                </c:pt>
                <c:pt idx="615">
                  <c:v>0.80476574633942999</c:v>
                </c:pt>
                <c:pt idx="616">
                  <c:v>0.79729466718921604</c:v>
                </c:pt>
                <c:pt idx="617">
                  <c:v>0.77736552446032903</c:v>
                </c:pt>
                <c:pt idx="618">
                  <c:v>0.81051972663787897</c:v>
                </c:pt>
                <c:pt idx="619">
                  <c:v>0.81051972670006001</c:v>
                </c:pt>
                <c:pt idx="620">
                  <c:v>0.81051972676209005</c:v>
                </c:pt>
                <c:pt idx="621">
                  <c:v>0.80205592113818902</c:v>
                </c:pt>
                <c:pt idx="622">
                  <c:v>0.78162999926507903</c:v>
                </c:pt>
                <c:pt idx="623">
                  <c:v>0.79906635483158295</c:v>
                </c:pt>
                <c:pt idx="624">
                  <c:v>0.843898246128167</c:v>
                </c:pt>
                <c:pt idx="625">
                  <c:v>0.87278697296848495</c:v>
                </c:pt>
                <c:pt idx="626">
                  <c:v>0.87278697303403197</c:v>
                </c:pt>
                <c:pt idx="627">
                  <c:v>0.87278697309946895</c:v>
                </c:pt>
                <c:pt idx="628">
                  <c:v>0.82796273959700795</c:v>
                </c:pt>
                <c:pt idx="629">
                  <c:v>0.82642569526563503</c:v>
                </c:pt>
                <c:pt idx="630">
                  <c:v>0.853826217523044</c:v>
                </c:pt>
                <c:pt idx="631">
                  <c:v>0.92852214773845998</c:v>
                </c:pt>
                <c:pt idx="632">
                  <c:v>0.948936211031286</c:v>
                </c:pt>
                <c:pt idx="633">
                  <c:v>0.948936211153385</c:v>
                </c:pt>
                <c:pt idx="634">
                  <c:v>0.94893621127512995</c:v>
                </c:pt>
                <c:pt idx="635">
                  <c:v>0.97661775253462102</c:v>
                </c:pt>
                <c:pt idx="636">
                  <c:v>0.99739942407017301</c:v>
                </c:pt>
                <c:pt idx="637">
                  <c:v>0.97305867506013599</c:v>
                </c:pt>
                <c:pt idx="638">
                  <c:v>0.95902378245326103</c:v>
                </c:pt>
                <c:pt idx="639">
                  <c:v>0.91272258265377304</c:v>
                </c:pt>
                <c:pt idx="640">
                  <c:v>0.91272258273948903</c:v>
                </c:pt>
                <c:pt idx="641">
                  <c:v>0.91272258282499596</c:v>
                </c:pt>
                <c:pt idx="642">
                  <c:v>0.91919460089516603</c:v>
                </c:pt>
                <c:pt idx="643">
                  <c:v>0.944586852051299</c:v>
                </c:pt>
                <c:pt idx="644">
                  <c:v>0.95105825196216598</c:v>
                </c:pt>
                <c:pt idx="645">
                  <c:v>0.99436495741633601</c:v>
                </c:pt>
                <c:pt idx="646">
                  <c:v>1.0252264482862199</c:v>
                </c:pt>
                <c:pt idx="647">
                  <c:v>1.0252264483905</c:v>
                </c:pt>
                <c:pt idx="648">
                  <c:v>1.0252264484945</c:v>
                </c:pt>
                <c:pt idx="649">
                  <c:v>1.0252255396324601</c:v>
                </c:pt>
                <c:pt idx="650">
                  <c:v>1.0394379664343201</c:v>
                </c:pt>
                <c:pt idx="651">
                  <c:v>1.0379509576060599</c:v>
                </c:pt>
                <c:pt idx="652">
                  <c:v>1.0210270232888401</c:v>
                </c:pt>
                <c:pt idx="653">
                  <c:v>1.0812482742816201</c:v>
                </c:pt>
                <c:pt idx="654">
                  <c:v>1.08124827452539</c:v>
                </c:pt>
                <c:pt idx="655">
                  <c:v>1.08124827476848</c:v>
                </c:pt>
                <c:pt idx="656">
                  <c:v>1.1153142203987201</c:v>
                </c:pt>
                <c:pt idx="657">
                  <c:v>1.11856643834948</c:v>
                </c:pt>
                <c:pt idx="658">
                  <c:v>1.1183412182910399</c:v>
                </c:pt>
                <c:pt idx="659">
                  <c:v>1.1785316603268201</c:v>
                </c:pt>
                <c:pt idx="660">
                  <c:v>1.1705795285334299</c:v>
                </c:pt>
                <c:pt idx="661">
                  <c:v>1.1705795290152901</c:v>
                </c:pt>
                <c:pt idx="662">
                  <c:v>1.1705795294958601</c:v>
                </c:pt>
                <c:pt idx="663">
                  <c:v>1.1556593305888601</c:v>
                </c:pt>
                <c:pt idx="664">
                  <c:v>1.16312122143778</c:v>
                </c:pt>
                <c:pt idx="665">
                  <c:v>1.1180308572012401</c:v>
                </c:pt>
                <c:pt idx="666">
                  <c:v>1.1258224048860901</c:v>
                </c:pt>
                <c:pt idx="667">
                  <c:v>1.1322960974429499</c:v>
                </c:pt>
                <c:pt idx="668">
                  <c:v>1.1322960981705199</c:v>
                </c:pt>
                <c:pt idx="669">
                  <c:v>1.1322960988959301</c:v>
                </c:pt>
                <c:pt idx="670">
                  <c:v>1.14827627231081</c:v>
                </c:pt>
                <c:pt idx="671">
                  <c:v>1.1198650829644401</c:v>
                </c:pt>
                <c:pt idx="672">
                  <c:v>1.1489896862550399</c:v>
                </c:pt>
                <c:pt idx="673">
                  <c:v>1.0895066968368099</c:v>
                </c:pt>
                <c:pt idx="674">
                  <c:v>1.0347659151864399</c:v>
                </c:pt>
                <c:pt idx="675">
                  <c:v>1.03476591561713</c:v>
                </c:pt>
                <c:pt idx="676">
                  <c:v>1.0347659160465399</c:v>
                </c:pt>
                <c:pt idx="677">
                  <c:v>1.1047063310510901</c:v>
                </c:pt>
                <c:pt idx="678">
                  <c:v>1.0599251710591799</c:v>
                </c:pt>
                <c:pt idx="679">
                  <c:v>1.1937169965529899</c:v>
                </c:pt>
                <c:pt idx="680">
                  <c:v>1.1937101950165501</c:v>
                </c:pt>
                <c:pt idx="681">
                  <c:v>1.21885165898591</c:v>
                </c:pt>
                <c:pt idx="682">
                  <c:v>1.2188516598289401</c:v>
                </c:pt>
                <c:pt idx="683">
                  <c:v>1.2188516606695701</c:v>
                </c:pt>
                <c:pt idx="684">
                  <c:v>1.2474679812095699</c:v>
                </c:pt>
                <c:pt idx="685">
                  <c:v>1.25813512260906</c:v>
                </c:pt>
                <c:pt idx="686">
                  <c:v>1.2220596354911899</c:v>
                </c:pt>
                <c:pt idx="687">
                  <c:v>1.20034991109029</c:v>
                </c:pt>
                <c:pt idx="688">
                  <c:v>1.2083174688451299</c:v>
                </c:pt>
                <c:pt idx="689">
                  <c:v>1.2083174695163099</c:v>
                </c:pt>
                <c:pt idx="690">
                  <c:v>1.2083174701856001</c:v>
                </c:pt>
                <c:pt idx="691">
                  <c:v>1.30650299129826</c:v>
                </c:pt>
                <c:pt idx="692">
                  <c:v>1.3288236204603301</c:v>
                </c:pt>
                <c:pt idx="693">
                  <c:v>1.32756473967019</c:v>
                </c:pt>
                <c:pt idx="694">
                  <c:v>1.3245783107673299</c:v>
                </c:pt>
                <c:pt idx="695">
                  <c:v>1.1545998308188701</c:v>
                </c:pt>
                <c:pt idx="696">
                  <c:v>1.15459983164991</c:v>
                </c:pt>
                <c:pt idx="697">
                  <c:v>1.1545998324785001</c:v>
                </c:pt>
                <c:pt idx="698">
                  <c:v>1.1791086354068701</c:v>
                </c:pt>
                <c:pt idx="699">
                  <c:v>1.15618863036113</c:v>
                </c:pt>
                <c:pt idx="700">
                  <c:v>1.1390551815246499</c:v>
                </c:pt>
                <c:pt idx="701">
                  <c:v>1.18806868845589</c:v>
                </c:pt>
                <c:pt idx="702">
                  <c:v>1.1358412845615899</c:v>
                </c:pt>
                <c:pt idx="703">
                  <c:v>1.1358412859442399</c:v>
                </c:pt>
                <c:pt idx="704">
                  <c:v>1.1358412873227799</c:v>
                </c:pt>
                <c:pt idx="705">
                  <c:v>1.1995103737055299</c:v>
                </c:pt>
                <c:pt idx="706">
                  <c:v>1.2532698982830099</c:v>
                </c:pt>
                <c:pt idx="707">
                  <c:v>1.2592339578993199</c:v>
                </c:pt>
                <c:pt idx="708">
                  <c:v>1.24801914311512</c:v>
                </c:pt>
                <c:pt idx="709">
                  <c:v>1.2375763073922901</c:v>
                </c:pt>
                <c:pt idx="710">
                  <c:v>1.23757630845022</c:v>
                </c:pt>
                <c:pt idx="711">
                  <c:v>1.2375763095050001</c:v>
                </c:pt>
                <c:pt idx="712">
                  <c:v>1.19208728176315</c:v>
                </c:pt>
                <c:pt idx="713">
                  <c:v>1.21171115515043</c:v>
                </c:pt>
                <c:pt idx="714">
                  <c:v>1.2159205256971</c:v>
                </c:pt>
                <c:pt idx="715">
                  <c:v>1.1547448497786399</c:v>
                </c:pt>
                <c:pt idx="716">
                  <c:v>1.1502297909017001</c:v>
                </c:pt>
                <c:pt idx="717">
                  <c:v>1.15022979149625</c:v>
                </c:pt>
                <c:pt idx="718">
                  <c:v>1.1502297920885201</c:v>
                </c:pt>
                <c:pt idx="719">
                  <c:v>1.1552055759561199</c:v>
                </c:pt>
                <c:pt idx="720">
                  <c:v>1.2162143252106099</c:v>
                </c:pt>
                <c:pt idx="721">
                  <c:v>1.2192027392998701</c:v>
                </c:pt>
                <c:pt idx="722">
                  <c:v>1.2323340852803799</c:v>
                </c:pt>
                <c:pt idx="723">
                  <c:v>1.2349242356058501</c:v>
                </c:pt>
                <c:pt idx="724">
                  <c:v>1.2349242364639099</c:v>
                </c:pt>
                <c:pt idx="725">
                  <c:v>1.2349242373192999</c:v>
                </c:pt>
                <c:pt idx="726">
                  <c:v>1.23641198510015</c:v>
                </c:pt>
                <c:pt idx="727">
                  <c:v>1.22845904514213</c:v>
                </c:pt>
                <c:pt idx="728">
                  <c:v>1.2596933182858401</c:v>
                </c:pt>
                <c:pt idx="729">
                  <c:v>1.2412387252199999</c:v>
                </c:pt>
                <c:pt idx="730">
                  <c:v>1.2382545916425201</c:v>
                </c:pt>
                <c:pt idx="731">
                  <c:v>1.2382545924271799</c:v>
                </c:pt>
                <c:pt idx="732">
                  <c:v>1.2382545932093201</c:v>
                </c:pt>
                <c:pt idx="733">
                  <c:v>1.3324873902882901</c:v>
                </c:pt>
                <c:pt idx="734">
                  <c:v>1.32354097219032</c:v>
                </c:pt>
                <c:pt idx="735">
                  <c:v>1.3901437985020499</c:v>
                </c:pt>
                <c:pt idx="736">
                  <c:v>1.4438114678339899</c:v>
                </c:pt>
                <c:pt idx="737">
                  <c:v>1.4785943037231899</c:v>
                </c:pt>
                <c:pt idx="738">
                  <c:v>1.4785943044712699</c:v>
                </c:pt>
                <c:pt idx="739">
                  <c:v>1.4785943052170001</c:v>
                </c:pt>
                <c:pt idx="740">
                  <c:v>1.51115422879352</c:v>
                </c:pt>
                <c:pt idx="741">
                  <c:v>1.48035853154617</c:v>
                </c:pt>
                <c:pt idx="742">
                  <c:v>1.45899354322588</c:v>
                </c:pt>
                <c:pt idx="743">
                  <c:v>1.4311744248915801</c:v>
                </c:pt>
                <c:pt idx="744">
                  <c:v>1.5205910644185801</c:v>
                </c:pt>
                <c:pt idx="745">
                  <c:v>1.52059106525044</c:v>
                </c:pt>
                <c:pt idx="746">
                  <c:v>1.5205910660795601</c:v>
                </c:pt>
                <c:pt idx="747">
                  <c:v>1.5205894884956099</c:v>
                </c:pt>
                <c:pt idx="748">
                  <c:v>1.62365127032158</c:v>
                </c:pt>
                <c:pt idx="749">
                  <c:v>1.5921448054539999</c:v>
                </c:pt>
                <c:pt idx="750">
                  <c:v>1.57453861011122</c:v>
                </c:pt>
                <c:pt idx="751">
                  <c:v>1.52289094115887</c:v>
                </c:pt>
                <c:pt idx="752">
                  <c:v>1.52289094207735</c:v>
                </c:pt>
                <c:pt idx="753">
                  <c:v>1.5228909429928501</c:v>
                </c:pt>
                <c:pt idx="754">
                  <c:v>1.5010310227408099</c:v>
                </c:pt>
                <c:pt idx="755">
                  <c:v>1.52469717760089</c:v>
                </c:pt>
                <c:pt idx="756">
                  <c:v>1.6300191048142501</c:v>
                </c:pt>
                <c:pt idx="757">
                  <c:v>1.6018340964037601</c:v>
                </c:pt>
                <c:pt idx="758">
                  <c:v>1.5782424103625801</c:v>
                </c:pt>
                <c:pt idx="759">
                  <c:v>1.5782424115574301</c:v>
                </c:pt>
                <c:pt idx="760">
                  <c:v>1.5782424127479999</c:v>
                </c:pt>
                <c:pt idx="761">
                  <c:v>1.5651066196510199</c:v>
                </c:pt>
                <c:pt idx="762">
                  <c:v>1.5790074704524799</c:v>
                </c:pt>
                <c:pt idx="763">
                  <c:v>1.5616293935563199</c:v>
                </c:pt>
                <c:pt idx="764">
                  <c:v>1.61574716874645</c:v>
                </c:pt>
                <c:pt idx="765">
                  <c:v>1.73465282155101</c:v>
                </c:pt>
                <c:pt idx="766">
                  <c:v>1.73465282292747</c:v>
                </c:pt>
                <c:pt idx="767">
                  <c:v>1.73465282429875</c:v>
                </c:pt>
                <c:pt idx="768">
                  <c:v>1.7326740886974299</c:v>
                </c:pt>
                <c:pt idx="769">
                  <c:v>1.7765553250281001</c:v>
                </c:pt>
                <c:pt idx="770">
                  <c:v>1.7762851676694</c:v>
                </c:pt>
                <c:pt idx="771">
                  <c:v>1.94680297757357</c:v>
                </c:pt>
                <c:pt idx="772">
                  <c:v>1.80341353025484</c:v>
                </c:pt>
                <c:pt idx="773">
                  <c:v>1.8034135328815</c:v>
                </c:pt>
                <c:pt idx="774">
                  <c:v>1.8034135354979399</c:v>
                </c:pt>
                <c:pt idx="775">
                  <c:v>1.8921685005917499</c:v>
                </c:pt>
                <c:pt idx="776">
                  <c:v>1.9115033785276601</c:v>
                </c:pt>
                <c:pt idx="777">
                  <c:v>1.86660138407886</c:v>
                </c:pt>
                <c:pt idx="778">
                  <c:v>1.80582808530799</c:v>
                </c:pt>
                <c:pt idx="779">
                  <c:v>1.77904553919584</c:v>
                </c:pt>
                <c:pt idx="780">
                  <c:v>1.77904554140047</c:v>
                </c:pt>
                <c:pt idx="781">
                  <c:v>1.7790455435966801</c:v>
                </c:pt>
                <c:pt idx="782">
                  <c:v>1.77904372742221</c:v>
                </c:pt>
                <c:pt idx="783">
                  <c:v>1.8040580012665299</c:v>
                </c:pt>
                <c:pt idx="784">
                  <c:v>1.86335720528005</c:v>
                </c:pt>
                <c:pt idx="785">
                  <c:v>1.82716542797665</c:v>
                </c:pt>
                <c:pt idx="786">
                  <c:v>1.83660012571297</c:v>
                </c:pt>
                <c:pt idx="787">
                  <c:v>1.83660012756038</c:v>
                </c:pt>
                <c:pt idx="788">
                  <c:v>1.83660012940011</c:v>
                </c:pt>
                <c:pt idx="789">
                  <c:v>1.69839216969824</c:v>
                </c:pt>
                <c:pt idx="790">
                  <c:v>1.5300728936415</c:v>
                </c:pt>
                <c:pt idx="791">
                  <c:v>1.7302488951178501</c:v>
                </c:pt>
                <c:pt idx="792">
                  <c:v>1.7115355816419699</c:v>
                </c:pt>
                <c:pt idx="793">
                  <c:v>1.6080443278404699</c:v>
                </c:pt>
                <c:pt idx="794">
                  <c:v>1.60804432969025</c:v>
                </c:pt>
                <c:pt idx="795">
                  <c:v>1.6080443315294799</c:v>
                </c:pt>
                <c:pt idx="796">
                  <c:v>1.66314719755977</c:v>
                </c:pt>
                <c:pt idx="797">
                  <c:v>1.7412560262137899</c:v>
                </c:pt>
                <c:pt idx="798">
                  <c:v>1.81912890625785</c:v>
                </c:pt>
                <c:pt idx="799">
                  <c:v>1.87094873559431</c:v>
                </c:pt>
                <c:pt idx="800">
                  <c:v>1.8951924467086601</c:v>
                </c:pt>
                <c:pt idx="801">
                  <c:v>1.8951924504575599</c:v>
                </c:pt>
                <c:pt idx="802">
                  <c:v>1.89519245418981</c:v>
                </c:pt>
                <c:pt idx="803">
                  <c:v>2.05587341676899</c:v>
                </c:pt>
                <c:pt idx="804">
                  <c:v>2.0563124591220601</c:v>
                </c:pt>
                <c:pt idx="805">
                  <c:v>2.1217917162617201</c:v>
                </c:pt>
                <c:pt idx="806">
                  <c:v>2.1192831694539498</c:v>
                </c:pt>
                <c:pt idx="807">
                  <c:v>2.10834297871041</c:v>
                </c:pt>
                <c:pt idx="808">
                  <c:v>2.1083429810753098</c:v>
                </c:pt>
                <c:pt idx="809">
                  <c:v>2.1083429834292202</c:v>
                </c:pt>
                <c:pt idx="810">
                  <c:v>2.2751266732865401</c:v>
                </c:pt>
                <c:pt idx="811">
                  <c:v>2.3313506995508</c:v>
                </c:pt>
                <c:pt idx="812">
                  <c:v>2.2486749565936202</c:v>
                </c:pt>
                <c:pt idx="813">
                  <c:v>2.3234086718247502</c:v>
                </c:pt>
                <c:pt idx="814">
                  <c:v>2.4837334270718601</c:v>
                </c:pt>
                <c:pt idx="815">
                  <c:v>2.48373342894714</c:v>
                </c:pt>
                <c:pt idx="816">
                  <c:v>2.48373343080848</c:v>
                </c:pt>
                <c:pt idx="817">
                  <c:v>2.4851593956482101</c:v>
                </c:pt>
                <c:pt idx="818">
                  <c:v>2.40458163263675</c:v>
                </c:pt>
                <c:pt idx="819">
                  <c:v>2.36802889999734</c:v>
                </c:pt>
                <c:pt idx="820">
                  <c:v>2.3720279872079999</c:v>
                </c:pt>
                <c:pt idx="821">
                  <c:v>2.4801111295348099</c:v>
                </c:pt>
                <c:pt idx="822">
                  <c:v>2.4801111324211198</c:v>
                </c:pt>
                <c:pt idx="823">
                  <c:v>2.4801111352896301</c:v>
                </c:pt>
                <c:pt idx="824">
                  <c:v>2.4534092368968001</c:v>
                </c:pt>
                <c:pt idx="825">
                  <c:v>2.6102400081401802</c:v>
                </c:pt>
                <c:pt idx="826">
                  <c:v>2.60404109102757</c:v>
                </c:pt>
                <c:pt idx="827">
                  <c:v>2.5886250475107402</c:v>
                </c:pt>
                <c:pt idx="828">
                  <c:v>2.6726739346768702</c:v>
                </c:pt>
                <c:pt idx="829">
                  <c:v>2.6726739374631001</c:v>
                </c:pt>
                <c:pt idx="830">
                  <c:v>2.6726739402328099</c:v>
                </c:pt>
                <c:pt idx="831">
                  <c:v>2.7042997518762499</c:v>
                </c:pt>
                <c:pt idx="832">
                  <c:v>2.59258449195843</c:v>
                </c:pt>
                <c:pt idx="833">
                  <c:v>2.5760553832770099</c:v>
                </c:pt>
                <c:pt idx="834">
                  <c:v>2.6966757644580501</c:v>
                </c:pt>
                <c:pt idx="835">
                  <c:v>2.6922278502805401</c:v>
                </c:pt>
                <c:pt idx="836">
                  <c:v>2.6922278532492099</c:v>
                </c:pt>
                <c:pt idx="837">
                  <c:v>2.6922278562019599</c:v>
                </c:pt>
                <c:pt idx="838">
                  <c:v>2.70853480954381</c:v>
                </c:pt>
                <c:pt idx="839">
                  <c:v>2.84143740706801</c:v>
                </c:pt>
                <c:pt idx="840">
                  <c:v>2.7812075667535798</c:v>
                </c:pt>
                <c:pt idx="841">
                  <c:v>2.8668721131658002</c:v>
                </c:pt>
                <c:pt idx="842">
                  <c:v>2.8567926007555999</c:v>
                </c:pt>
                <c:pt idx="843">
                  <c:v>2.8567926015021601</c:v>
                </c:pt>
                <c:pt idx="844">
                  <c:v>2.85679260223429</c:v>
                </c:pt>
                <c:pt idx="845">
                  <c:v>2.7782531493721798</c:v>
                </c:pt>
                <c:pt idx="846">
                  <c:v>2.6979145005368199</c:v>
                </c:pt>
                <c:pt idx="847">
                  <c:v>2.75221420092265</c:v>
                </c:pt>
                <c:pt idx="848">
                  <c:v>2.8179736193160698</c:v>
                </c:pt>
                <c:pt idx="849">
                  <c:v>2.8949567876498499</c:v>
                </c:pt>
                <c:pt idx="850">
                  <c:v>2.8949567868772599</c:v>
                </c:pt>
                <c:pt idx="851">
                  <c:v>2.8949567860909702</c:v>
                </c:pt>
                <c:pt idx="852">
                  <c:v>2.9608318167118699</c:v>
                </c:pt>
                <c:pt idx="853">
                  <c:v>2.94744389062532</c:v>
                </c:pt>
                <c:pt idx="854">
                  <c:v>2.85066129808853</c:v>
                </c:pt>
                <c:pt idx="855">
                  <c:v>2.9278808798094098</c:v>
                </c:pt>
                <c:pt idx="856">
                  <c:v>0</c:v>
                </c:pt>
                <c:pt idx="857">
                  <c:v>0</c:v>
                </c:pt>
                <c:pt idx="858">
                  <c:v>0</c:v>
                </c:pt>
                <c:pt idx="859">
                  <c:v>0</c:v>
                </c:pt>
                <c:pt idx="860">
                  <c:v>0</c:v>
                </c:pt>
                <c:pt idx="861">
                  <c:v>0</c:v>
                </c:pt>
                <c:pt idx="862">
                  <c:v>0</c:v>
                </c:pt>
                <c:pt idx="863">
                  <c:v>0</c:v>
                </c:pt>
                <c:pt idx="864">
                  <c:v>0</c:v>
                </c:pt>
                <c:pt idx="865">
                  <c:v>0</c:v>
                </c:pt>
                <c:pt idx="866">
                  <c:v>0</c:v>
                </c:pt>
                <c:pt idx="867">
                  <c:v>0</c:v>
                </c:pt>
                <c:pt idx="868">
                  <c:v>0</c:v>
                </c:pt>
                <c:pt idx="869">
                  <c:v>0</c:v>
                </c:pt>
                <c:pt idx="870">
                  <c:v>0</c:v>
                </c:pt>
                <c:pt idx="871">
                  <c:v>0</c:v>
                </c:pt>
                <c:pt idx="872">
                  <c:v>0</c:v>
                </c:pt>
                <c:pt idx="873">
                  <c:v>0</c:v>
                </c:pt>
                <c:pt idx="874">
                  <c:v>0</c:v>
                </c:pt>
                <c:pt idx="875">
                  <c:v>0</c:v>
                </c:pt>
                <c:pt idx="876">
                  <c:v>0</c:v>
                </c:pt>
                <c:pt idx="877">
                  <c:v>0</c:v>
                </c:pt>
                <c:pt idx="878">
                  <c:v>0</c:v>
                </c:pt>
                <c:pt idx="879">
                  <c:v>0</c:v>
                </c:pt>
                <c:pt idx="880">
                  <c:v>0</c:v>
                </c:pt>
                <c:pt idx="881">
                  <c:v>0</c:v>
                </c:pt>
                <c:pt idx="882">
                  <c:v>0</c:v>
                </c:pt>
                <c:pt idx="883">
                  <c:v>0</c:v>
                </c:pt>
                <c:pt idx="884">
                  <c:v>0</c:v>
                </c:pt>
                <c:pt idx="885">
                  <c:v>0</c:v>
                </c:pt>
                <c:pt idx="886">
                  <c:v>0</c:v>
                </c:pt>
                <c:pt idx="887">
                  <c:v>0</c:v>
                </c:pt>
                <c:pt idx="888">
                  <c:v>0</c:v>
                </c:pt>
                <c:pt idx="889">
                  <c:v>0</c:v>
                </c:pt>
                <c:pt idx="890">
                  <c:v>0</c:v>
                </c:pt>
                <c:pt idx="891">
                  <c:v>0</c:v>
                </c:pt>
                <c:pt idx="892">
                  <c:v>0</c:v>
                </c:pt>
                <c:pt idx="893">
                  <c:v>0</c:v>
                </c:pt>
                <c:pt idx="894">
                  <c:v>0</c:v>
                </c:pt>
                <c:pt idx="895">
                  <c:v>0</c:v>
                </c:pt>
                <c:pt idx="896">
                  <c:v>0</c:v>
                </c:pt>
                <c:pt idx="897">
                  <c:v>0</c:v>
                </c:pt>
                <c:pt idx="898">
                  <c:v>0</c:v>
                </c:pt>
                <c:pt idx="899">
                  <c:v>0</c:v>
                </c:pt>
                <c:pt idx="900">
                  <c:v>0</c:v>
                </c:pt>
                <c:pt idx="901">
                  <c:v>0</c:v>
                </c:pt>
                <c:pt idx="902">
                  <c:v>0</c:v>
                </c:pt>
                <c:pt idx="903">
                  <c:v>0</c:v>
                </c:pt>
                <c:pt idx="904">
                  <c:v>0</c:v>
                </c:pt>
                <c:pt idx="905">
                  <c:v>0</c:v>
                </c:pt>
                <c:pt idx="906">
                  <c:v>0</c:v>
                </c:pt>
                <c:pt idx="907">
                  <c:v>0</c:v>
                </c:pt>
                <c:pt idx="908">
                  <c:v>0</c:v>
                </c:pt>
                <c:pt idx="909">
                  <c:v>0</c:v>
                </c:pt>
                <c:pt idx="910">
                  <c:v>0</c:v>
                </c:pt>
                <c:pt idx="911">
                  <c:v>0</c:v>
                </c:pt>
                <c:pt idx="912">
                  <c:v>0</c:v>
                </c:pt>
                <c:pt idx="913">
                  <c:v>0</c:v>
                </c:pt>
                <c:pt idx="914">
                  <c:v>0</c:v>
                </c:pt>
                <c:pt idx="915">
                  <c:v>0</c:v>
                </c:pt>
                <c:pt idx="916">
                  <c:v>0</c:v>
                </c:pt>
                <c:pt idx="917">
                  <c:v>0</c:v>
                </c:pt>
                <c:pt idx="918">
                  <c:v>0</c:v>
                </c:pt>
                <c:pt idx="919">
                  <c:v>0</c:v>
                </c:pt>
                <c:pt idx="920">
                  <c:v>0</c:v>
                </c:pt>
                <c:pt idx="921">
                  <c:v>0</c:v>
                </c:pt>
                <c:pt idx="922">
                  <c:v>0</c:v>
                </c:pt>
                <c:pt idx="923">
                  <c:v>0</c:v>
                </c:pt>
                <c:pt idx="924">
                  <c:v>0</c:v>
                </c:pt>
                <c:pt idx="925">
                  <c:v>0</c:v>
                </c:pt>
                <c:pt idx="926">
                  <c:v>0</c:v>
                </c:pt>
                <c:pt idx="927">
                  <c:v>0</c:v>
                </c:pt>
                <c:pt idx="928">
                  <c:v>0</c:v>
                </c:pt>
                <c:pt idx="929">
                  <c:v>0</c:v>
                </c:pt>
                <c:pt idx="930">
                  <c:v>0</c:v>
                </c:pt>
                <c:pt idx="931">
                  <c:v>0</c:v>
                </c:pt>
                <c:pt idx="932">
                  <c:v>0</c:v>
                </c:pt>
                <c:pt idx="933">
                  <c:v>0</c:v>
                </c:pt>
                <c:pt idx="934">
                  <c:v>0</c:v>
                </c:pt>
                <c:pt idx="935">
                  <c:v>0</c:v>
                </c:pt>
                <c:pt idx="936">
                  <c:v>0</c:v>
                </c:pt>
                <c:pt idx="937">
                  <c:v>0</c:v>
                </c:pt>
                <c:pt idx="938">
                  <c:v>0</c:v>
                </c:pt>
                <c:pt idx="939">
                  <c:v>0</c:v>
                </c:pt>
                <c:pt idx="940">
                  <c:v>0</c:v>
                </c:pt>
                <c:pt idx="941">
                  <c:v>0</c:v>
                </c:pt>
                <c:pt idx="942">
                  <c:v>0</c:v>
                </c:pt>
                <c:pt idx="943">
                  <c:v>0</c:v>
                </c:pt>
                <c:pt idx="944">
                  <c:v>0</c:v>
                </c:pt>
                <c:pt idx="945">
                  <c:v>0</c:v>
                </c:pt>
                <c:pt idx="946">
                  <c:v>0</c:v>
                </c:pt>
                <c:pt idx="947">
                  <c:v>0</c:v>
                </c:pt>
                <c:pt idx="948">
                  <c:v>0</c:v>
                </c:pt>
                <c:pt idx="949">
                  <c:v>0</c:v>
                </c:pt>
                <c:pt idx="950">
                  <c:v>0</c:v>
                </c:pt>
                <c:pt idx="951">
                  <c:v>0</c:v>
                </c:pt>
                <c:pt idx="952">
                  <c:v>0</c:v>
                </c:pt>
                <c:pt idx="953">
                  <c:v>0</c:v>
                </c:pt>
                <c:pt idx="954">
                  <c:v>0</c:v>
                </c:pt>
                <c:pt idx="955">
                  <c:v>0</c:v>
                </c:pt>
                <c:pt idx="956">
                  <c:v>0</c:v>
                </c:pt>
                <c:pt idx="957">
                  <c:v>0</c:v>
                </c:pt>
                <c:pt idx="958">
                  <c:v>0</c:v>
                </c:pt>
                <c:pt idx="959">
                  <c:v>0</c:v>
                </c:pt>
                <c:pt idx="960">
                  <c:v>0</c:v>
                </c:pt>
                <c:pt idx="961">
                  <c:v>0</c:v>
                </c:pt>
                <c:pt idx="962">
                  <c:v>0</c:v>
                </c:pt>
                <c:pt idx="963">
                  <c:v>0</c:v>
                </c:pt>
                <c:pt idx="964">
                  <c:v>0</c:v>
                </c:pt>
                <c:pt idx="965">
                  <c:v>0</c:v>
                </c:pt>
                <c:pt idx="966">
                  <c:v>0</c:v>
                </c:pt>
                <c:pt idx="967">
                  <c:v>0</c:v>
                </c:pt>
                <c:pt idx="968">
                  <c:v>0</c:v>
                </c:pt>
                <c:pt idx="969">
                  <c:v>0</c:v>
                </c:pt>
                <c:pt idx="970">
                  <c:v>0</c:v>
                </c:pt>
                <c:pt idx="971">
                  <c:v>0</c:v>
                </c:pt>
                <c:pt idx="972">
                  <c:v>0</c:v>
                </c:pt>
                <c:pt idx="973">
                  <c:v>0</c:v>
                </c:pt>
                <c:pt idx="974">
                  <c:v>0</c:v>
                </c:pt>
                <c:pt idx="975">
                  <c:v>0</c:v>
                </c:pt>
                <c:pt idx="976">
                  <c:v>0</c:v>
                </c:pt>
                <c:pt idx="977">
                  <c:v>0</c:v>
                </c:pt>
                <c:pt idx="978">
                  <c:v>0</c:v>
                </c:pt>
                <c:pt idx="979">
                  <c:v>0</c:v>
                </c:pt>
                <c:pt idx="980">
                  <c:v>0</c:v>
                </c:pt>
                <c:pt idx="981">
                  <c:v>0</c:v>
                </c:pt>
                <c:pt idx="982">
                  <c:v>0</c:v>
                </c:pt>
                <c:pt idx="983">
                  <c:v>0</c:v>
                </c:pt>
                <c:pt idx="984">
                  <c:v>0</c:v>
                </c:pt>
                <c:pt idx="985">
                  <c:v>0</c:v>
                </c:pt>
                <c:pt idx="986">
                  <c:v>0</c:v>
                </c:pt>
                <c:pt idx="987">
                  <c:v>0</c:v>
                </c:pt>
                <c:pt idx="988">
                  <c:v>0</c:v>
                </c:pt>
                <c:pt idx="989">
                  <c:v>0</c:v>
                </c:pt>
                <c:pt idx="990">
                  <c:v>0</c:v>
                </c:pt>
                <c:pt idx="991">
                  <c:v>0</c:v>
                </c:pt>
                <c:pt idx="992">
                  <c:v>0</c:v>
                </c:pt>
                <c:pt idx="993">
                  <c:v>0</c:v>
                </c:pt>
                <c:pt idx="994">
                  <c:v>0</c:v>
                </c:pt>
                <c:pt idx="995">
                  <c:v>0</c:v>
                </c:pt>
                <c:pt idx="996">
                  <c:v>0</c:v>
                </c:pt>
                <c:pt idx="997">
                  <c:v>0</c:v>
                </c:pt>
                <c:pt idx="998">
                  <c:v>0</c:v>
                </c:pt>
                <c:pt idx="999">
                  <c:v>0</c:v>
                </c:pt>
                <c:pt idx="1000">
                  <c:v>0</c:v>
                </c:pt>
                <c:pt idx="1001">
                  <c:v>0</c:v>
                </c:pt>
                <c:pt idx="1002">
                  <c:v>0</c:v>
                </c:pt>
                <c:pt idx="1003">
                  <c:v>0</c:v>
                </c:pt>
                <c:pt idx="1004">
                  <c:v>0</c:v>
                </c:pt>
                <c:pt idx="1005">
                  <c:v>0</c:v>
                </c:pt>
                <c:pt idx="1006">
                  <c:v>0</c:v>
                </c:pt>
                <c:pt idx="1007">
                  <c:v>0</c:v>
                </c:pt>
                <c:pt idx="1008">
                  <c:v>0</c:v>
                </c:pt>
                <c:pt idx="1009">
                  <c:v>0</c:v>
                </c:pt>
                <c:pt idx="1010">
                  <c:v>0</c:v>
                </c:pt>
                <c:pt idx="1011">
                  <c:v>0</c:v>
                </c:pt>
                <c:pt idx="1012">
                  <c:v>0</c:v>
                </c:pt>
                <c:pt idx="1013">
                  <c:v>0</c:v>
                </c:pt>
                <c:pt idx="1014">
                  <c:v>0</c:v>
                </c:pt>
                <c:pt idx="1015">
                  <c:v>0</c:v>
                </c:pt>
                <c:pt idx="1016">
                  <c:v>0</c:v>
                </c:pt>
                <c:pt idx="1017">
                  <c:v>0</c:v>
                </c:pt>
                <c:pt idx="1018">
                  <c:v>0</c:v>
                </c:pt>
                <c:pt idx="1019">
                  <c:v>0</c:v>
                </c:pt>
                <c:pt idx="1020">
                  <c:v>0</c:v>
                </c:pt>
                <c:pt idx="1021">
                  <c:v>0</c:v>
                </c:pt>
                <c:pt idx="1022">
                  <c:v>0</c:v>
                </c:pt>
                <c:pt idx="1023">
                  <c:v>0</c:v>
                </c:pt>
                <c:pt idx="1024">
                  <c:v>0</c:v>
                </c:pt>
                <c:pt idx="1025">
                  <c:v>0</c:v>
                </c:pt>
                <c:pt idx="1026">
                  <c:v>0</c:v>
                </c:pt>
                <c:pt idx="1027">
                  <c:v>0</c:v>
                </c:pt>
                <c:pt idx="1028">
                  <c:v>0</c:v>
                </c:pt>
                <c:pt idx="1029">
                  <c:v>0</c:v>
                </c:pt>
                <c:pt idx="1030">
                  <c:v>0</c:v>
                </c:pt>
                <c:pt idx="1031">
                  <c:v>0</c:v>
                </c:pt>
                <c:pt idx="1032">
                  <c:v>0</c:v>
                </c:pt>
                <c:pt idx="1033">
                  <c:v>0</c:v>
                </c:pt>
                <c:pt idx="1034">
                  <c:v>0</c:v>
                </c:pt>
                <c:pt idx="1035">
                  <c:v>0</c:v>
                </c:pt>
                <c:pt idx="1036">
                  <c:v>0</c:v>
                </c:pt>
                <c:pt idx="1037">
                  <c:v>0</c:v>
                </c:pt>
                <c:pt idx="1038">
                  <c:v>0</c:v>
                </c:pt>
                <c:pt idx="1039">
                  <c:v>0</c:v>
                </c:pt>
                <c:pt idx="1040">
                  <c:v>0</c:v>
                </c:pt>
                <c:pt idx="1041">
                  <c:v>0</c:v>
                </c:pt>
                <c:pt idx="1042">
                  <c:v>0</c:v>
                </c:pt>
                <c:pt idx="1043">
                  <c:v>0</c:v>
                </c:pt>
                <c:pt idx="1044">
                  <c:v>0</c:v>
                </c:pt>
                <c:pt idx="1045">
                  <c:v>0</c:v>
                </c:pt>
                <c:pt idx="1046">
                  <c:v>0</c:v>
                </c:pt>
                <c:pt idx="1047">
                  <c:v>0</c:v>
                </c:pt>
                <c:pt idx="1048">
                  <c:v>0</c:v>
                </c:pt>
                <c:pt idx="1049">
                  <c:v>0</c:v>
                </c:pt>
              </c:numCache>
            </c:numRef>
          </c:val>
          <c:smooth val="0"/>
          <c:extLst>
            <c:ext xmlns:c16="http://schemas.microsoft.com/office/drawing/2014/chart" uri="{C3380CC4-5D6E-409C-BE32-E72D297353CC}">
              <c16:uniqueId val="{00000001-0E6C-4A91-B243-47E2B7D93B79}"/>
            </c:ext>
          </c:extLst>
        </c:ser>
        <c:ser>
          <c:idx val="2"/>
          <c:order val="2"/>
          <c:tx>
            <c:strRef>
              <c:f>'Swap Rates'!$D$2</c:f>
              <c:strCache>
                <c:ptCount val="1"/>
                <c:pt idx="0">
                  <c:v>10 year</c:v>
                </c:pt>
              </c:strCache>
            </c:strRef>
          </c:tx>
          <c:spPr>
            <a:ln w="28575" cap="rnd">
              <a:solidFill>
                <a:schemeClr val="accent3"/>
              </a:solidFill>
              <a:round/>
            </a:ln>
            <a:effectLst/>
          </c:spPr>
          <c:marker>
            <c:symbol val="none"/>
          </c:marker>
          <c:cat>
            <c:numRef>
              <c:f>'Swap Rates'!$A$3:$A$1052</c:f>
              <c:numCache>
                <c:formatCode>m/d/yyyy</c:formatCode>
                <c:ptCount val="1050"/>
                <c:pt idx="0">
                  <c:v>43831</c:v>
                </c:pt>
                <c:pt idx="1">
                  <c:v>43832</c:v>
                </c:pt>
                <c:pt idx="2">
                  <c:v>43833</c:v>
                </c:pt>
                <c:pt idx="3">
                  <c:v>43834</c:v>
                </c:pt>
                <c:pt idx="4">
                  <c:v>43835</c:v>
                </c:pt>
                <c:pt idx="5">
                  <c:v>43836</c:v>
                </c:pt>
                <c:pt idx="6">
                  <c:v>43837</c:v>
                </c:pt>
                <c:pt idx="7">
                  <c:v>43838</c:v>
                </c:pt>
                <c:pt idx="8">
                  <c:v>43839</c:v>
                </c:pt>
                <c:pt idx="9">
                  <c:v>43840</c:v>
                </c:pt>
                <c:pt idx="10">
                  <c:v>43841</c:v>
                </c:pt>
                <c:pt idx="11">
                  <c:v>43842</c:v>
                </c:pt>
                <c:pt idx="12">
                  <c:v>43843</c:v>
                </c:pt>
                <c:pt idx="13">
                  <c:v>43844</c:v>
                </c:pt>
                <c:pt idx="14">
                  <c:v>43845</c:v>
                </c:pt>
                <c:pt idx="15">
                  <c:v>43846</c:v>
                </c:pt>
                <c:pt idx="16">
                  <c:v>43847</c:v>
                </c:pt>
                <c:pt idx="17">
                  <c:v>43848</c:v>
                </c:pt>
                <c:pt idx="18">
                  <c:v>43849</c:v>
                </c:pt>
                <c:pt idx="19">
                  <c:v>43850</c:v>
                </c:pt>
                <c:pt idx="20">
                  <c:v>43851</c:v>
                </c:pt>
                <c:pt idx="21">
                  <c:v>43852</c:v>
                </c:pt>
                <c:pt idx="22">
                  <c:v>43853</c:v>
                </c:pt>
                <c:pt idx="23">
                  <c:v>43854</c:v>
                </c:pt>
                <c:pt idx="24">
                  <c:v>43855</c:v>
                </c:pt>
                <c:pt idx="25">
                  <c:v>43856</c:v>
                </c:pt>
                <c:pt idx="26">
                  <c:v>43857</c:v>
                </c:pt>
                <c:pt idx="27">
                  <c:v>43858</c:v>
                </c:pt>
                <c:pt idx="28">
                  <c:v>43859</c:v>
                </c:pt>
                <c:pt idx="29">
                  <c:v>43860</c:v>
                </c:pt>
                <c:pt idx="30">
                  <c:v>43861</c:v>
                </c:pt>
                <c:pt idx="31">
                  <c:v>43862</c:v>
                </c:pt>
                <c:pt idx="32">
                  <c:v>43863</c:v>
                </c:pt>
                <c:pt idx="33">
                  <c:v>43864</c:v>
                </c:pt>
                <c:pt idx="34">
                  <c:v>43865</c:v>
                </c:pt>
                <c:pt idx="35">
                  <c:v>43866</c:v>
                </c:pt>
                <c:pt idx="36">
                  <c:v>43867</c:v>
                </c:pt>
                <c:pt idx="37">
                  <c:v>43868</c:v>
                </c:pt>
                <c:pt idx="38">
                  <c:v>43869</c:v>
                </c:pt>
                <c:pt idx="39">
                  <c:v>43870</c:v>
                </c:pt>
                <c:pt idx="40">
                  <c:v>43871</c:v>
                </c:pt>
                <c:pt idx="41">
                  <c:v>43872</c:v>
                </c:pt>
                <c:pt idx="42">
                  <c:v>43873</c:v>
                </c:pt>
                <c:pt idx="43">
                  <c:v>43874</c:v>
                </c:pt>
                <c:pt idx="44">
                  <c:v>43875</c:v>
                </c:pt>
                <c:pt idx="45">
                  <c:v>43876</c:v>
                </c:pt>
                <c:pt idx="46">
                  <c:v>43877</c:v>
                </c:pt>
                <c:pt idx="47">
                  <c:v>43878</c:v>
                </c:pt>
                <c:pt idx="48">
                  <c:v>43879</c:v>
                </c:pt>
                <c:pt idx="49">
                  <c:v>43880</c:v>
                </c:pt>
                <c:pt idx="50">
                  <c:v>43881</c:v>
                </c:pt>
                <c:pt idx="51">
                  <c:v>43882</c:v>
                </c:pt>
                <c:pt idx="52">
                  <c:v>43883</c:v>
                </c:pt>
                <c:pt idx="53">
                  <c:v>43884</c:v>
                </c:pt>
                <c:pt idx="54">
                  <c:v>43885</c:v>
                </c:pt>
                <c:pt idx="55">
                  <c:v>43886</c:v>
                </c:pt>
                <c:pt idx="56">
                  <c:v>43887</c:v>
                </c:pt>
                <c:pt idx="57">
                  <c:v>43888</c:v>
                </c:pt>
                <c:pt idx="58">
                  <c:v>43889</c:v>
                </c:pt>
                <c:pt idx="59">
                  <c:v>43890</c:v>
                </c:pt>
                <c:pt idx="60">
                  <c:v>43891</c:v>
                </c:pt>
                <c:pt idx="61">
                  <c:v>43892</c:v>
                </c:pt>
                <c:pt idx="62">
                  <c:v>43893</c:v>
                </c:pt>
                <c:pt idx="63">
                  <c:v>43894</c:v>
                </c:pt>
                <c:pt idx="64">
                  <c:v>43895</c:v>
                </c:pt>
                <c:pt idx="65">
                  <c:v>43896</c:v>
                </c:pt>
                <c:pt idx="66">
                  <c:v>43897</c:v>
                </c:pt>
                <c:pt idx="67">
                  <c:v>43898</c:v>
                </c:pt>
                <c:pt idx="68">
                  <c:v>43899</c:v>
                </c:pt>
                <c:pt idx="69">
                  <c:v>43900</c:v>
                </c:pt>
                <c:pt idx="70">
                  <c:v>43901</c:v>
                </c:pt>
                <c:pt idx="71">
                  <c:v>43902</c:v>
                </c:pt>
                <c:pt idx="72">
                  <c:v>43903</c:v>
                </c:pt>
                <c:pt idx="73">
                  <c:v>43904</c:v>
                </c:pt>
                <c:pt idx="74">
                  <c:v>43905</c:v>
                </c:pt>
                <c:pt idx="75">
                  <c:v>43906</c:v>
                </c:pt>
                <c:pt idx="76">
                  <c:v>43907</c:v>
                </c:pt>
                <c:pt idx="77">
                  <c:v>43908</c:v>
                </c:pt>
                <c:pt idx="78">
                  <c:v>43909</c:v>
                </c:pt>
                <c:pt idx="79">
                  <c:v>43910</c:v>
                </c:pt>
                <c:pt idx="80">
                  <c:v>43911</c:v>
                </c:pt>
                <c:pt idx="81">
                  <c:v>43912</c:v>
                </c:pt>
                <c:pt idx="82">
                  <c:v>43913</c:v>
                </c:pt>
                <c:pt idx="83">
                  <c:v>43914</c:v>
                </c:pt>
                <c:pt idx="84">
                  <c:v>43915</c:v>
                </c:pt>
                <c:pt idx="85">
                  <c:v>43916</c:v>
                </c:pt>
                <c:pt idx="86">
                  <c:v>43917</c:v>
                </c:pt>
                <c:pt idx="87">
                  <c:v>43918</c:v>
                </c:pt>
                <c:pt idx="88">
                  <c:v>43919</c:v>
                </c:pt>
                <c:pt idx="89">
                  <c:v>43920</c:v>
                </c:pt>
                <c:pt idx="90">
                  <c:v>43921</c:v>
                </c:pt>
                <c:pt idx="91">
                  <c:v>43922</c:v>
                </c:pt>
                <c:pt idx="92">
                  <c:v>43923</c:v>
                </c:pt>
                <c:pt idx="93">
                  <c:v>43924</c:v>
                </c:pt>
                <c:pt idx="94">
                  <c:v>43925</c:v>
                </c:pt>
                <c:pt idx="95">
                  <c:v>43926</c:v>
                </c:pt>
                <c:pt idx="96">
                  <c:v>43927</c:v>
                </c:pt>
                <c:pt idx="97">
                  <c:v>43928</c:v>
                </c:pt>
                <c:pt idx="98">
                  <c:v>43929</c:v>
                </c:pt>
                <c:pt idx="99">
                  <c:v>43930</c:v>
                </c:pt>
                <c:pt idx="100">
                  <c:v>43931</c:v>
                </c:pt>
                <c:pt idx="101">
                  <c:v>43932</c:v>
                </c:pt>
                <c:pt idx="102">
                  <c:v>43933</c:v>
                </c:pt>
                <c:pt idx="103">
                  <c:v>43934</c:v>
                </c:pt>
                <c:pt idx="104">
                  <c:v>43935</c:v>
                </c:pt>
                <c:pt idx="105">
                  <c:v>43936</c:v>
                </c:pt>
                <c:pt idx="106">
                  <c:v>43937</c:v>
                </c:pt>
                <c:pt idx="107">
                  <c:v>43938</c:v>
                </c:pt>
                <c:pt idx="108">
                  <c:v>43939</c:v>
                </c:pt>
                <c:pt idx="109">
                  <c:v>43940</c:v>
                </c:pt>
                <c:pt idx="110">
                  <c:v>43941</c:v>
                </c:pt>
                <c:pt idx="111">
                  <c:v>43942</c:v>
                </c:pt>
                <c:pt idx="112">
                  <c:v>43943</c:v>
                </c:pt>
                <c:pt idx="113">
                  <c:v>43944</c:v>
                </c:pt>
                <c:pt idx="114">
                  <c:v>43945</c:v>
                </c:pt>
                <c:pt idx="115">
                  <c:v>43946</c:v>
                </c:pt>
                <c:pt idx="116">
                  <c:v>43947</c:v>
                </c:pt>
                <c:pt idx="117">
                  <c:v>43948</c:v>
                </c:pt>
                <c:pt idx="118">
                  <c:v>43949</c:v>
                </c:pt>
                <c:pt idx="119">
                  <c:v>43950</c:v>
                </c:pt>
                <c:pt idx="120">
                  <c:v>43951</c:v>
                </c:pt>
                <c:pt idx="121">
                  <c:v>43952</c:v>
                </c:pt>
                <c:pt idx="122">
                  <c:v>43953</c:v>
                </c:pt>
                <c:pt idx="123">
                  <c:v>43954</c:v>
                </c:pt>
                <c:pt idx="124">
                  <c:v>43955</c:v>
                </c:pt>
                <c:pt idx="125">
                  <c:v>43956</c:v>
                </c:pt>
                <c:pt idx="126">
                  <c:v>43957</c:v>
                </c:pt>
                <c:pt idx="127">
                  <c:v>43958</c:v>
                </c:pt>
                <c:pt idx="128">
                  <c:v>43959</c:v>
                </c:pt>
                <c:pt idx="129">
                  <c:v>43960</c:v>
                </c:pt>
                <c:pt idx="130">
                  <c:v>43961</c:v>
                </c:pt>
                <c:pt idx="131">
                  <c:v>43962</c:v>
                </c:pt>
                <c:pt idx="132">
                  <c:v>43963</c:v>
                </c:pt>
                <c:pt idx="133">
                  <c:v>43964</c:v>
                </c:pt>
                <c:pt idx="134">
                  <c:v>43965</c:v>
                </c:pt>
                <c:pt idx="135">
                  <c:v>43966</c:v>
                </c:pt>
                <c:pt idx="136">
                  <c:v>43967</c:v>
                </c:pt>
                <c:pt idx="137">
                  <c:v>43968</c:v>
                </c:pt>
                <c:pt idx="138">
                  <c:v>43969</c:v>
                </c:pt>
                <c:pt idx="139">
                  <c:v>43970</c:v>
                </c:pt>
                <c:pt idx="140">
                  <c:v>43971</c:v>
                </c:pt>
                <c:pt idx="141">
                  <c:v>43972</c:v>
                </c:pt>
                <c:pt idx="142">
                  <c:v>43973</c:v>
                </c:pt>
                <c:pt idx="143">
                  <c:v>43974</c:v>
                </c:pt>
                <c:pt idx="144">
                  <c:v>43975</c:v>
                </c:pt>
                <c:pt idx="145">
                  <c:v>43976</c:v>
                </c:pt>
                <c:pt idx="146">
                  <c:v>43977</c:v>
                </c:pt>
                <c:pt idx="147">
                  <c:v>43978</c:v>
                </c:pt>
                <c:pt idx="148">
                  <c:v>43979</c:v>
                </c:pt>
                <c:pt idx="149">
                  <c:v>43980</c:v>
                </c:pt>
                <c:pt idx="150">
                  <c:v>43981</c:v>
                </c:pt>
                <c:pt idx="151">
                  <c:v>43982</c:v>
                </c:pt>
                <c:pt idx="152">
                  <c:v>43983</c:v>
                </c:pt>
                <c:pt idx="153">
                  <c:v>43984</c:v>
                </c:pt>
                <c:pt idx="154">
                  <c:v>43985</c:v>
                </c:pt>
                <c:pt idx="155">
                  <c:v>43986</c:v>
                </c:pt>
                <c:pt idx="156">
                  <c:v>43987</c:v>
                </c:pt>
                <c:pt idx="157">
                  <c:v>43988</c:v>
                </c:pt>
                <c:pt idx="158">
                  <c:v>43989</c:v>
                </c:pt>
                <c:pt idx="159">
                  <c:v>43990</c:v>
                </c:pt>
                <c:pt idx="160">
                  <c:v>43991</c:v>
                </c:pt>
                <c:pt idx="161">
                  <c:v>43992</c:v>
                </c:pt>
                <c:pt idx="162">
                  <c:v>43993</c:v>
                </c:pt>
                <c:pt idx="163">
                  <c:v>43994</c:v>
                </c:pt>
                <c:pt idx="164">
                  <c:v>43995</c:v>
                </c:pt>
                <c:pt idx="165">
                  <c:v>43996</c:v>
                </c:pt>
                <c:pt idx="166">
                  <c:v>43997</c:v>
                </c:pt>
                <c:pt idx="167">
                  <c:v>43998</c:v>
                </c:pt>
                <c:pt idx="168">
                  <c:v>43999</c:v>
                </c:pt>
                <c:pt idx="169">
                  <c:v>44000</c:v>
                </c:pt>
                <c:pt idx="170">
                  <c:v>44001</c:v>
                </c:pt>
                <c:pt idx="171">
                  <c:v>44002</c:v>
                </c:pt>
                <c:pt idx="172">
                  <c:v>44003</c:v>
                </c:pt>
                <c:pt idx="173">
                  <c:v>44004</c:v>
                </c:pt>
                <c:pt idx="174">
                  <c:v>44005</c:v>
                </c:pt>
                <c:pt idx="175">
                  <c:v>44006</c:v>
                </c:pt>
                <c:pt idx="176">
                  <c:v>44007</c:v>
                </c:pt>
                <c:pt idx="177">
                  <c:v>44008</c:v>
                </c:pt>
                <c:pt idx="178">
                  <c:v>44009</c:v>
                </c:pt>
                <c:pt idx="179">
                  <c:v>44010</c:v>
                </c:pt>
                <c:pt idx="180">
                  <c:v>44011</c:v>
                </c:pt>
                <c:pt idx="181">
                  <c:v>44012</c:v>
                </c:pt>
                <c:pt idx="182">
                  <c:v>44013</c:v>
                </c:pt>
                <c:pt idx="183">
                  <c:v>44014</c:v>
                </c:pt>
                <c:pt idx="184">
                  <c:v>44015</c:v>
                </c:pt>
                <c:pt idx="185">
                  <c:v>44016</c:v>
                </c:pt>
                <c:pt idx="186">
                  <c:v>44017</c:v>
                </c:pt>
                <c:pt idx="187">
                  <c:v>44018</c:v>
                </c:pt>
                <c:pt idx="188">
                  <c:v>44019</c:v>
                </c:pt>
                <c:pt idx="189">
                  <c:v>44020</c:v>
                </c:pt>
                <c:pt idx="190">
                  <c:v>44021</c:v>
                </c:pt>
                <c:pt idx="191">
                  <c:v>44022</c:v>
                </c:pt>
                <c:pt idx="192">
                  <c:v>44023</c:v>
                </c:pt>
                <c:pt idx="193">
                  <c:v>44024</c:v>
                </c:pt>
                <c:pt idx="194">
                  <c:v>44025</c:v>
                </c:pt>
                <c:pt idx="195">
                  <c:v>44026</c:v>
                </c:pt>
                <c:pt idx="196">
                  <c:v>44027</c:v>
                </c:pt>
                <c:pt idx="197">
                  <c:v>44028</c:v>
                </c:pt>
                <c:pt idx="198">
                  <c:v>44029</c:v>
                </c:pt>
                <c:pt idx="199">
                  <c:v>44030</c:v>
                </c:pt>
                <c:pt idx="200">
                  <c:v>44031</c:v>
                </c:pt>
                <c:pt idx="201">
                  <c:v>44032</c:v>
                </c:pt>
                <c:pt idx="202">
                  <c:v>44033</c:v>
                </c:pt>
                <c:pt idx="203">
                  <c:v>44034</c:v>
                </c:pt>
                <c:pt idx="204">
                  <c:v>44035</c:v>
                </c:pt>
                <c:pt idx="205">
                  <c:v>44036</c:v>
                </c:pt>
                <c:pt idx="206">
                  <c:v>44037</c:v>
                </c:pt>
                <c:pt idx="207">
                  <c:v>44038</c:v>
                </c:pt>
                <c:pt idx="208">
                  <c:v>44039</c:v>
                </c:pt>
                <c:pt idx="209">
                  <c:v>44040</c:v>
                </c:pt>
                <c:pt idx="210">
                  <c:v>44041</c:v>
                </c:pt>
                <c:pt idx="211">
                  <c:v>44042</c:v>
                </c:pt>
                <c:pt idx="212">
                  <c:v>44043</c:v>
                </c:pt>
                <c:pt idx="213">
                  <c:v>44044</c:v>
                </c:pt>
                <c:pt idx="214">
                  <c:v>44045</c:v>
                </c:pt>
                <c:pt idx="215">
                  <c:v>44046</c:v>
                </c:pt>
                <c:pt idx="216">
                  <c:v>44047</c:v>
                </c:pt>
                <c:pt idx="217">
                  <c:v>44048</c:v>
                </c:pt>
                <c:pt idx="218">
                  <c:v>44049</c:v>
                </c:pt>
                <c:pt idx="219">
                  <c:v>44050</c:v>
                </c:pt>
                <c:pt idx="220">
                  <c:v>44051</c:v>
                </c:pt>
                <c:pt idx="221">
                  <c:v>44052</c:v>
                </c:pt>
                <c:pt idx="222">
                  <c:v>44053</c:v>
                </c:pt>
                <c:pt idx="223">
                  <c:v>44054</c:v>
                </c:pt>
                <c:pt idx="224">
                  <c:v>44055</c:v>
                </c:pt>
                <c:pt idx="225">
                  <c:v>44056</c:v>
                </c:pt>
                <c:pt idx="226">
                  <c:v>44057</c:v>
                </c:pt>
                <c:pt idx="227">
                  <c:v>44058</c:v>
                </c:pt>
                <c:pt idx="228">
                  <c:v>44059</c:v>
                </c:pt>
                <c:pt idx="229">
                  <c:v>44060</c:v>
                </c:pt>
                <c:pt idx="230">
                  <c:v>44061</c:v>
                </c:pt>
                <c:pt idx="231">
                  <c:v>44062</c:v>
                </c:pt>
                <c:pt idx="232">
                  <c:v>44063</c:v>
                </c:pt>
                <c:pt idx="233">
                  <c:v>44064</c:v>
                </c:pt>
                <c:pt idx="234">
                  <c:v>44065</c:v>
                </c:pt>
                <c:pt idx="235">
                  <c:v>44066</c:v>
                </c:pt>
                <c:pt idx="236">
                  <c:v>44067</c:v>
                </c:pt>
                <c:pt idx="237">
                  <c:v>44068</c:v>
                </c:pt>
                <c:pt idx="238">
                  <c:v>44069</c:v>
                </c:pt>
                <c:pt idx="239">
                  <c:v>44070</c:v>
                </c:pt>
                <c:pt idx="240">
                  <c:v>44071</c:v>
                </c:pt>
                <c:pt idx="241">
                  <c:v>44072</c:v>
                </c:pt>
                <c:pt idx="242">
                  <c:v>44073</c:v>
                </c:pt>
                <c:pt idx="243">
                  <c:v>44074</c:v>
                </c:pt>
                <c:pt idx="244">
                  <c:v>44075</c:v>
                </c:pt>
                <c:pt idx="245">
                  <c:v>44076</c:v>
                </c:pt>
                <c:pt idx="246">
                  <c:v>44077</c:v>
                </c:pt>
                <c:pt idx="247">
                  <c:v>44078</c:v>
                </c:pt>
                <c:pt idx="248">
                  <c:v>44079</c:v>
                </c:pt>
                <c:pt idx="249">
                  <c:v>44080</c:v>
                </c:pt>
                <c:pt idx="250">
                  <c:v>44081</c:v>
                </c:pt>
                <c:pt idx="251">
                  <c:v>44082</c:v>
                </c:pt>
                <c:pt idx="252">
                  <c:v>44083</c:v>
                </c:pt>
                <c:pt idx="253">
                  <c:v>44084</c:v>
                </c:pt>
                <c:pt idx="254">
                  <c:v>44085</c:v>
                </c:pt>
                <c:pt idx="255">
                  <c:v>44086</c:v>
                </c:pt>
                <c:pt idx="256">
                  <c:v>44087</c:v>
                </c:pt>
                <c:pt idx="257">
                  <c:v>44088</c:v>
                </c:pt>
                <c:pt idx="258">
                  <c:v>44089</c:v>
                </c:pt>
                <c:pt idx="259">
                  <c:v>44090</c:v>
                </c:pt>
                <c:pt idx="260">
                  <c:v>44091</c:v>
                </c:pt>
                <c:pt idx="261">
                  <c:v>44092</c:v>
                </c:pt>
                <c:pt idx="262">
                  <c:v>44093</c:v>
                </c:pt>
                <c:pt idx="263">
                  <c:v>44094</c:v>
                </c:pt>
                <c:pt idx="264">
                  <c:v>44095</c:v>
                </c:pt>
                <c:pt idx="265">
                  <c:v>44096</c:v>
                </c:pt>
                <c:pt idx="266">
                  <c:v>44097</c:v>
                </c:pt>
                <c:pt idx="267">
                  <c:v>44098</c:v>
                </c:pt>
                <c:pt idx="268">
                  <c:v>44099</c:v>
                </c:pt>
                <c:pt idx="269">
                  <c:v>44100</c:v>
                </c:pt>
                <c:pt idx="270">
                  <c:v>44101</c:v>
                </c:pt>
                <c:pt idx="271">
                  <c:v>44102</c:v>
                </c:pt>
                <c:pt idx="272">
                  <c:v>44103</c:v>
                </c:pt>
                <c:pt idx="273">
                  <c:v>44104</c:v>
                </c:pt>
                <c:pt idx="274">
                  <c:v>44105</c:v>
                </c:pt>
                <c:pt idx="275">
                  <c:v>44106</c:v>
                </c:pt>
                <c:pt idx="276">
                  <c:v>44107</c:v>
                </c:pt>
                <c:pt idx="277">
                  <c:v>44108</c:v>
                </c:pt>
                <c:pt idx="278">
                  <c:v>44109</c:v>
                </c:pt>
                <c:pt idx="279">
                  <c:v>44110</c:v>
                </c:pt>
                <c:pt idx="280">
                  <c:v>44111</c:v>
                </c:pt>
                <c:pt idx="281">
                  <c:v>44112</c:v>
                </c:pt>
                <c:pt idx="282">
                  <c:v>44113</c:v>
                </c:pt>
                <c:pt idx="283">
                  <c:v>44114</c:v>
                </c:pt>
                <c:pt idx="284">
                  <c:v>44115</c:v>
                </c:pt>
                <c:pt idx="285">
                  <c:v>44116</c:v>
                </c:pt>
                <c:pt idx="286">
                  <c:v>44117</c:v>
                </c:pt>
                <c:pt idx="287">
                  <c:v>44118</c:v>
                </c:pt>
                <c:pt idx="288">
                  <c:v>44119</c:v>
                </c:pt>
                <c:pt idx="289">
                  <c:v>44120</c:v>
                </c:pt>
                <c:pt idx="290">
                  <c:v>44121</c:v>
                </c:pt>
                <c:pt idx="291">
                  <c:v>44122</c:v>
                </c:pt>
                <c:pt idx="292">
                  <c:v>44123</c:v>
                </c:pt>
                <c:pt idx="293">
                  <c:v>44124</c:v>
                </c:pt>
                <c:pt idx="294">
                  <c:v>44125</c:v>
                </c:pt>
                <c:pt idx="295">
                  <c:v>44126</c:v>
                </c:pt>
                <c:pt idx="296">
                  <c:v>44127</c:v>
                </c:pt>
                <c:pt idx="297">
                  <c:v>44128</c:v>
                </c:pt>
                <c:pt idx="298">
                  <c:v>44129</c:v>
                </c:pt>
                <c:pt idx="299">
                  <c:v>44130</c:v>
                </c:pt>
                <c:pt idx="300">
                  <c:v>44131</c:v>
                </c:pt>
                <c:pt idx="301">
                  <c:v>44132</c:v>
                </c:pt>
                <c:pt idx="302">
                  <c:v>44133</c:v>
                </c:pt>
                <c:pt idx="303">
                  <c:v>44134</c:v>
                </c:pt>
                <c:pt idx="304">
                  <c:v>44135</c:v>
                </c:pt>
                <c:pt idx="305">
                  <c:v>44136</c:v>
                </c:pt>
                <c:pt idx="306">
                  <c:v>44137</c:v>
                </c:pt>
                <c:pt idx="307">
                  <c:v>44138</c:v>
                </c:pt>
                <c:pt idx="308">
                  <c:v>44139</c:v>
                </c:pt>
                <c:pt idx="309">
                  <c:v>44140</c:v>
                </c:pt>
                <c:pt idx="310">
                  <c:v>44141</c:v>
                </c:pt>
                <c:pt idx="311">
                  <c:v>44142</c:v>
                </c:pt>
                <c:pt idx="312">
                  <c:v>44143</c:v>
                </c:pt>
                <c:pt idx="313">
                  <c:v>44144</c:v>
                </c:pt>
                <c:pt idx="314">
                  <c:v>44145</c:v>
                </c:pt>
                <c:pt idx="315">
                  <c:v>44146</c:v>
                </c:pt>
                <c:pt idx="316">
                  <c:v>44147</c:v>
                </c:pt>
                <c:pt idx="317">
                  <c:v>44148</c:v>
                </c:pt>
                <c:pt idx="318">
                  <c:v>44149</c:v>
                </c:pt>
                <c:pt idx="319">
                  <c:v>44150</c:v>
                </c:pt>
                <c:pt idx="320">
                  <c:v>44151</c:v>
                </c:pt>
                <c:pt idx="321">
                  <c:v>44152</c:v>
                </c:pt>
                <c:pt idx="322">
                  <c:v>44153</c:v>
                </c:pt>
                <c:pt idx="323">
                  <c:v>44154</c:v>
                </c:pt>
                <c:pt idx="324">
                  <c:v>44155</c:v>
                </c:pt>
                <c:pt idx="325">
                  <c:v>44156</c:v>
                </c:pt>
                <c:pt idx="326">
                  <c:v>44157</c:v>
                </c:pt>
                <c:pt idx="327">
                  <c:v>44158</c:v>
                </c:pt>
                <c:pt idx="328">
                  <c:v>44159</c:v>
                </c:pt>
                <c:pt idx="329">
                  <c:v>44160</c:v>
                </c:pt>
                <c:pt idx="330">
                  <c:v>44161</c:v>
                </c:pt>
                <c:pt idx="331">
                  <c:v>44162</c:v>
                </c:pt>
                <c:pt idx="332">
                  <c:v>44163</c:v>
                </c:pt>
                <c:pt idx="333">
                  <c:v>44164</c:v>
                </c:pt>
                <c:pt idx="334">
                  <c:v>44165</c:v>
                </c:pt>
                <c:pt idx="335">
                  <c:v>44166</c:v>
                </c:pt>
                <c:pt idx="336">
                  <c:v>44167</c:v>
                </c:pt>
                <c:pt idx="337">
                  <c:v>44168</c:v>
                </c:pt>
                <c:pt idx="338">
                  <c:v>44169</c:v>
                </c:pt>
                <c:pt idx="339">
                  <c:v>44170</c:v>
                </c:pt>
                <c:pt idx="340">
                  <c:v>44171</c:v>
                </c:pt>
                <c:pt idx="341">
                  <c:v>44172</c:v>
                </c:pt>
                <c:pt idx="342">
                  <c:v>44173</c:v>
                </c:pt>
                <c:pt idx="343">
                  <c:v>44174</c:v>
                </c:pt>
                <c:pt idx="344">
                  <c:v>44175</c:v>
                </c:pt>
                <c:pt idx="345">
                  <c:v>44176</c:v>
                </c:pt>
                <c:pt idx="346">
                  <c:v>44177</c:v>
                </c:pt>
                <c:pt idx="347">
                  <c:v>44178</c:v>
                </c:pt>
                <c:pt idx="348">
                  <c:v>44179</c:v>
                </c:pt>
                <c:pt idx="349">
                  <c:v>44180</c:v>
                </c:pt>
                <c:pt idx="350">
                  <c:v>44181</c:v>
                </c:pt>
                <c:pt idx="351">
                  <c:v>44182</c:v>
                </c:pt>
                <c:pt idx="352">
                  <c:v>44183</c:v>
                </c:pt>
                <c:pt idx="353">
                  <c:v>44184</c:v>
                </c:pt>
                <c:pt idx="354">
                  <c:v>44185</c:v>
                </c:pt>
                <c:pt idx="355">
                  <c:v>44186</c:v>
                </c:pt>
                <c:pt idx="356">
                  <c:v>44187</c:v>
                </c:pt>
                <c:pt idx="357">
                  <c:v>44188</c:v>
                </c:pt>
                <c:pt idx="358">
                  <c:v>44189</c:v>
                </c:pt>
                <c:pt idx="359">
                  <c:v>44190</c:v>
                </c:pt>
                <c:pt idx="360">
                  <c:v>44191</c:v>
                </c:pt>
                <c:pt idx="361">
                  <c:v>44192</c:v>
                </c:pt>
                <c:pt idx="362">
                  <c:v>44193</c:v>
                </c:pt>
                <c:pt idx="363">
                  <c:v>44194</c:v>
                </c:pt>
                <c:pt idx="364">
                  <c:v>44195</c:v>
                </c:pt>
                <c:pt idx="365">
                  <c:v>44196</c:v>
                </c:pt>
                <c:pt idx="366">
                  <c:v>44197</c:v>
                </c:pt>
                <c:pt idx="367">
                  <c:v>44198</c:v>
                </c:pt>
                <c:pt idx="368">
                  <c:v>44199</c:v>
                </c:pt>
                <c:pt idx="369">
                  <c:v>44200</c:v>
                </c:pt>
                <c:pt idx="370">
                  <c:v>44201</c:v>
                </c:pt>
                <c:pt idx="371">
                  <c:v>44202</c:v>
                </c:pt>
                <c:pt idx="372">
                  <c:v>44203</c:v>
                </c:pt>
                <c:pt idx="373">
                  <c:v>44204</c:v>
                </c:pt>
                <c:pt idx="374">
                  <c:v>44205</c:v>
                </c:pt>
                <c:pt idx="375">
                  <c:v>44206</c:v>
                </c:pt>
                <c:pt idx="376">
                  <c:v>44207</c:v>
                </c:pt>
                <c:pt idx="377">
                  <c:v>44208</c:v>
                </c:pt>
                <c:pt idx="378">
                  <c:v>44209</c:v>
                </c:pt>
                <c:pt idx="379">
                  <c:v>44210</c:v>
                </c:pt>
                <c:pt idx="380">
                  <c:v>44211</c:v>
                </c:pt>
                <c:pt idx="381">
                  <c:v>44212</c:v>
                </c:pt>
                <c:pt idx="382">
                  <c:v>44213</c:v>
                </c:pt>
                <c:pt idx="383">
                  <c:v>44214</c:v>
                </c:pt>
                <c:pt idx="384">
                  <c:v>44215</c:v>
                </c:pt>
                <c:pt idx="385">
                  <c:v>44216</c:v>
                </c:pt>
                <c:pt idx="386">
                  <c:v>44217</c:v>
                </c:pt>
                <c:pt idx="387">
                  <c:v>44218</c:v>
                </c:pt>
                <c:pt idx="388">
                  <c:v>44219</c:v>
                </c:pt>
                <c:pt idx="389">
                  <c:v>44220</c:v>
                </c:pt>
                <c:pt idx="390">
                  <c:v>44221</c:v>
                </c:pt>
                <c:pt idx="391">
                  <c:v>44222</c:v>
                </c:pt>
                <c:pt idx="392">
                  <c:v>44223</c:v>
                </c:pt>
                <c:pt idx="393">
                  <c:v>44224</c:v>
                </c:pt>
                <c:pt idx="394">
                  <c:v>44225</c:v>
                </c:pt>
                <c:pt idx="395">
                  <c:v>44226</c:v>
                </c:pt>
                <c:pt idx="396">
                  <c:v>44227</c:v>
                </c:pt>
                <c:pt idx="397">
                  <c:v>44228</c:v>
                </c:pt>
                <c:pt idx="398">
                  <c:v>44229</c:v>
                </c:pt>
                <c:pt idx="399">
                  <c:v>44230</c:v>
                </c:pt>
                <c:pt idx="400">
                  <c:v>44231</c:v>
                </c:pt>
                <c:pt idx="401">
                  <c:v>44232</c:v>
                </c:pt>
                <c:pt idx="402">
                  <c:v>44233</c:v>
                </c:pt>
                <c:pt idx="403">
                  <c:v>44234</c:v>
                </c:pt>
                <c:pt idx="404">
                  <c:v>44235</c:v>
                </c:pt>
                <c:pt idx="405">
                  <c:v>44236</c:v>
                </c:pt>
                <c:pt idx="406">
                  <c:v>44237</c:v>
                </c:pt>
                <c:pt idx="407">
                  <c:v>44238</c:v>
                </c:pt>
                <c:pt idx="408">
                  <c:v>44239</c:v>
                </c:pt>
                <c:pt idx="409">
                  <c:v>44240</c:v>
                </c:pt>
                <c:pt idx="410">
                  <c:v>44241</c:v>
                </c:pt>
                <c:pt idx="411">
                  <c:v>44242</c:v>
                </c:pt>
                <c:pt idx="412">
                  <c:v>44243</c:v>
                </c:pt>
                <c:pt idx="413">
                  <c:v>44244</c:v>
                </c:pt>
                <c:pt idx="414">
                  <c:v>44245</c:v>
                </c:pt>
                <c:pt idx="415">
                  <c:v>44246</c:v>
                </c:pt>
                <c:pt idx="416">
                  <c:v>44247</c:v>
                </c:pt>
                <c:pt idx="417">
                  <c:v>44248</c:v>
                </c:pt>
                <c:pt idx="418">
                  <c:v>44249</c:v>
                </c:pt>
                <c:pt idx="419">
                  <c:v>44250</c:v>
                </c:pt>
                <c:pt idx="420">
                  <c:v>44251</c:v>
                </c:pt>
                <c:pt idx="421">
                  <c:v>44252</c:v>
                </c:pt>
                <c:pt idx="422">
                  <c:v>44253</c:v>
                </c:pt>
                <c:pt idx="423">
                  <c:v>44254</c:v>
                </c:pt>
                <c:pt idx="424">
                  <c:v>44255</c:v>
                </c:pt>
                <c:pt idx="425">
                  <c:v>44256</c:v>
                </c:pt>
                <c:pt idx="426">
                  <c:v>44257</c:v>
                </c:pt>
                <c:pt idx="427">
                  <c:v>44258</c:v>
                </c:pt>
                <c:pt idx="428">
                  <c:v>44259</c:v>
                </c:pt>
                <c:pt idx="429">
                  <c:v>44260</c:v>
                </c:pt>
                <c:pt idx="430">
                  <c:v>44261</c:v>
                </c:pt>
                <c:pt idx="431">
                  <c:v>44262</c:v>
                </c:pt>
                <c:pt idx="432">
                  <c:v>44263</c:v>
                </c:pt>
                <c:pt idx="433">
                  <c:v>44264</c:v>
                </c:pt>
                <c:pt idx="434">
                  <c:v>44265</c:v>
                </c:pt>
                <c:pt idx="435">
                  <c:v>44266</c:v>
                </c:pt>
                <c:pt idx="436">
                  <c:v>44267</c:v>
                </c:pt>
                <c:pt idx="437">
                  <c:v>44268</c:v>
                </c:pt>
                <c:pt idx="438">
                  <c:v>44269</c:v>
                </c:pt>
                <c:pt idx="439">
                  <c:v>44270</c:v>
                </c:pt>
                <c:pt idx="440">
                  <c:v>44271</c:v>
                </c:pt>
                <c:pt idx="441">
                  <c:v>44272</c:v>
                </c:pt>
                <c:pt idx="442">
                  <c:v>44273</c:v>
                </c:pt>
                <c:pt idx="443">
                  <c:v>44274</c:v>
                </c:pt>
                <c:pt idx="444">
                  <c:v>44275</c:v>
                </c:pt>
                <c:pt idx="445">
                  <c:v>44276</c:v>
                </c:pt>
                <c:pt idx="446">
                  <c:v>44277</c:v>
                </c:pt>
                <c:pt idx="447">
                  <c:v>44278</c:v>
                </c:pt>
                <c:pt idx="448">
                  <c:v>44279</c:v>
                </c:pt>
                <c:pt idx="449">
                  <c:v>44280</c:v>
                </c:pt>
                <c:pt idx="450">
                  <c:v>44281</c:v>
                </c:pt>
                <c:pt idx="451">
                  <c:v>44282</c:v>
                </c:pt>
                <c:pt idx="452">
                  <c:v>44283</c:v>
                </c:pt>
                <c:pt idx="453">
                  <c:v>44284</c:v>
                </c:pt>
                <c:pt idx="454">
                  <c:v>44285</c:v>
                </c:pt>
                <c:pt idx="455">
                  <c:v>44286</c:v>
                </c:pt>
                <c:pt idx="456">
                  <c:v>44287</c:v>
                </c:pt>
                <c:pt idx="457">
                  <c:v>44288</c:v>
                </c:pt>
                <c:pt idx="458">
                  <c:v>44289</c:v>
                </c:pt>
                <c:pt idx="459">
                  <c:v>44290</c:v>
                </c:pt>
                <c:pt idx="460">
                  <c:v>44291</c:v>
                </c:pt>
                <c:pt idx="461">
                  <c:v>44292</c:v>
                </c:pt>
                <c:pt idx="462">
                  <c:v>44293</c:v>
                </c:pt>
                <c:pt idx="463">
                  <c:v>44294</c:v>
                </c:pt>
                <c:pt idx="464">
                  <c:v>44295</c:v>
                </c:pt>
                <c:pt idx="465">
                  <c:v>44296</c:v>
                </c:pt>
                <c:pt idx="466">
                  <c:v>44297</c:v>
                </c:pt>
                <c:pt idx="467">
                  <c:v>44298</c:v>
                </c:pt>
                <c:pt idx="468">
                  <c:v>44299</c:v>
                </c:pt>
                <c:pt idx="469">
                  <c:v>44300</c:v>
                </c:pt>
                <c:pt idx="470">
                  <c:v>44301</c:v>
                </c:pt>
                <c:pt idx="471">
                  <c:v>44302</c:v>
                </c:pt>
                <c:pt idx="472">
                  <c:v>44303</c:v>
                </c:pt>
                <c:pt idx="473">
                  <c:v>44304</c:v>
                </c:pt>
                <c:pt idx="474">
                  <c:v>44305</c:v>
                </c:pt>
                <c:pt idx="475">
                  <c:v>44306</c:v>
                </c:pt>
                <c:pt idx="476">
                  <c:v>44307</c:v>
                </c:pt>
                <c:pt idx="477">
                  <c:v>44308</c:v>
                </c:pt>
                <c:pt idx="478">
                  <c:v>44309</c:v>
                </c:pt>
                <c:pt idx="479">
                  <c:v>44310</c:v>
                </c:pt>
                <c:pt idx="480">
                  <c:v>44311</c:v>
                </c:pt>
                <c:pt idx="481">
                  <c:v>44312</c:v>
                </c:pt>
                <c:pt idx="482">
                  <c:v>44313</c:v>
                </c:pt>
                <c:pt idx="483">
                  <c:v>44314</c:v>
                </c:pt>
                <c:pt idx="484">
                  <c:v>44315</c:v>
                </c:pt>
                <c:pt idx="485">
                  <c:v>44316</c:v>
                </c:pt>
                <c:pt idx="486">
                  <c:v>44317</c:v>
                </c:pt>
                <c:pt idx="487">
                  <c:v>44318</c:v>
                </c:pt>
                <c:pt idx="488">
                  <c:v>44319</c:v>
                </c:pt>
                <c:pt idx="489">
                  <c:v>44320</c:v>
                </c:pt>
                <c:pt idx="490">
                  <c:v>44321</c:v>
                </c:pt>
                <c:pt idx="491">
                  <c:v>44322</c:v>
                </c:pt>
                <c:pt idx="492">
                  <c:v>44323</c:v>
                </c:pt>
                <c:pt idx="493">
                  <c:v>44324</c:v>
                </c:pt>
                <c:pt idx="494">
                  <c:v>44325</c:v>
                </c:pt>
                <c:pt idx="495">
                  <c:v>44326</c:v>
                </c:pt>
                <c:pt idx="496">
                  <c:v>44327</c:v>
                </c:pt>
                <c:pt idx="497">
                  <c:v>44328</c:v>
                </c:pt>
                <c:pt idx="498">
                  <c:v>44329</c:v>
                </c:pt>
                <c:pt idx="499">
                  <c:v>44330</c:v>
                </c:pt>
                <c:pt idx="500">
                  <c:v>44331</c:v>
                </c:pt>
                <c:pt idx="501">
                  <c:v>44332</c:v>
                </c:pt>
                <c:pt idx="502">
                  <c:v>44333</c:v>
                </c:pt>
                <c:pt idx="503">
                  <c:v>44334</c:v>
                </c:pt>
                <c:pt idx="504">
                  <c:v>44335</c:v>
                </c:pt>
                <c:pt idx="505">
                  <c:v>44336</c:v>
                </c:pt>
                <c:pt idx="506">
                  <c:v>44337</c:v>
                </c:pt>
                <c:pt idx="507">
                  <c:v>44338</c:v>
                </c:pt>
                <c:pt idx="508">
                  <c:v>44339</c:v>
                </c:pt>
                <c:pt idx="509">
                  <c:v>44340</c:v>
                </c:pt>
                <c:pt idx="510">
                  <c:v>44341</c:v>
                </c:pt>
                <c:pt idx="511">
                  <c:v>44342</c:v>
                </c:pt>
                <c:pt idx="512">
                  <c:v>44343</c:v>
                </c:pt>
                <c:pt idx="513">
                  <c:v>44344</c:v>
                </c:pt>
                <c:pt idx="514">
                  <c:v>44345</c:v>
                </c:pt>
                <c:pt idx="515">
                  <c:v>44346</c:v>
                </c:pt>
                <c:pt idx="516">
                  <c:v>44347</c:v>
                </c:pt>
                <c:pt idx="517">
                  <c:v>44348</c:v>
                </c:pt>
                <c:pt idx="518">
                  <c:v>44349</c:v>
                </c:pt>
                <c:pt idx="519">
                  <c:v>44350</c:v>
                </c:pt>
                <c:pt idx="520">
                  <c:v>44351</c:v>
                </c:pt>
                <c:pt idx="521">
                  <c:v>44352</c:v>
                </c:pt>
                <c:pt idx="522">
                  <c:v>44353</c:v>
                </c:pt>
                <c:pt idx="523">
                  <c:v>44354</c:v>
                </c:pt>
                <c:pt idx="524">
                  <c:v>44355</c:v>
                </c:pt>
                <c:pt idx="525">
                  <c:v>44356</c:v>
                </c:pt>
                <c:pt idx="526">
                  <c:v>44357</c:v>
                </c:pt>
                <c:pt idx="527">
                  <c:v>44358</c:v>
                </c:pt>
                <c:pt idx="528">
                  <c:v>44359</c:v>
                </c:pt>
                <c:pt idx="529">
                  <c:v>44360</c:v>
                </c:pt>
                <c:pt idx="530">
                  <c:v>44361</c:v>
                </c:pt>
                <c:pt idx="531">
                  <c:v>44362</c:v>
                </c:pt>
                <c:pt idx="532">
                  <c:v>44363</c:v>
                </c:pt>
                <c:pt idx="533">
                  <c:v>44364</c:v>
                </c:pt>
                <c:pt idx="534">
                  <c:v>44365</c:v>
                </c:pt>
                <c:pt idx="535">
                  <c:v>44366</c:v>
                </c:pt>
                <c:pt idx="536">
                  <c:v>44367</c:v>
                </c:pt>
                <c:pt idx="537">
                  <c:v>44368</c:v>
                </c:pt>
                <c:pt idx="538">
                  <c:v>44369</c:v>
                </c:pt>
                <c:pt idx="539">
                  <c:v>44370</c:v>
                </c:pt>
                <c:pt idx="540">
                  <c:v>44371</c:v>
                </c:pt>
                <c:pt idx="541">
                  <c:v>44372</c:v>
                </c:pt>
                <c:pt idx="542">
                  <c:v>44373</c:v>
                </c:pt>
                <c:pt idx="543">
                  <c:v>44374</c:v>
                </c:pt>
                <c:pt idx="544">
                  <c:v>44375</c:v>
                </c:pt>
                <c:pt idx="545">
                  <c:v>44376</c:v>
                </c:pt>
                <c:pt idx="546">
                  <c:v>44377</c:v>
                </c:pt>
                <c:pt idx="547">
                  <c:v>44378</c:v>
                </c:pt>
                <c:pt idx="548">
                  <c:v>44379</c:v>
                </c:pt>
                <c:pt idx="549">
                  <c:v>44380</c:v>
                </c:pt>
                <c:pt idx="550">
                  <c:v>44381</c:v>
                </c:pt>
                <c:pt idx="551">
                  <c:v>44382</c:v>
                </c:pt>
                <c:pt idx="552">
                  <c:v>44383</c:v>
                </c:pt>
                <c:pt idx="553">
                  <c:v>44384</c:v>
                </c:pt>
                <c:pt idx="554">
                  <c:v>44385</c:v>
                </c:pt>
                <c:pt idx="555">
                  <c:v>44386</c:v>
                </c:pt>
                <c:pt idx="556">
                  <c:v>44387</c:v>
                </c:pt>
                <c:pt idx="557">
                  <c:v>44388</c:v>
                </c:pt>
                <c:pt idx="558">
                  <c:v>44389</c:v>
                </c:pt>
                <c:pt idx="559">
                  <c:v>44390</c:v>
                </c:pt>
                <c:pt idx="560">
                  <c:v>44391</c:v>
                </c:pt>
                <c:pt idx="561">
                  <c:v>44392</c:v>
                </c:pt>
                <c:pt idx="562">
                  <c:v>44393</c:v>
                </c:pt>
                <c:pt idx="563">
                  <c:v>44394</c:v>
                </c:pt>
                <c:pt idx="564">
                  <c:v>44395</c:v>
                </c:pt>
                <c:pt idx="565">
                  <c:v>44396</c:v>
                </c:pt>
                <c:pt idx="566">
                  <c:v>44397</c:v>
                </c:pt>
                <c:pt idx="567">
                  <c:v>44398</c:v>
                </c:pt>
                <c:pt idx="568">
                  <c:v>44399</c:v>
                </c:pt>
                <c:pt idx="569">
                  <c:v>44400</c:v>
                </c:pt>
                <c:pt idx="570">
                  <c:v>44401</c:v>
                </c:pt>
                <c:pt idx="571">
                  <c:v>44402</c:v>
                </c:pt>
                <c:pt idx="572">
                  <c:v>44403</c:v>
                </c:pt>
                <c:pt idx="573">
                  <c:v>44404</c:v>
                </c:pt>
                <c:pt idx="574">
                  <c:v>44405</c:v>
                </c:pt>
                <c:pt idx="575">
                  <c:v>44406</c:v>
                </c:pt>
                <c:pt idx="576">
                  <c:v>44407</c:v>
                </c:pt>
                <c:pt idx="577">
                  <c:v>44408</c:v>
                </c:pt>
                <c:pt idx="578">
                  <c:v>44409</c:v>
                </c:pt>
                <c:pt idx="579">
                  <c:v>44410</c:v>
                </c:pt>
                <c:pt idx="580">
                  <c:v>44411</c:v>
                </c:pt>
                <c:pt idx="581">
                  <c:v>44412</c:v>
                </c:pt>
                <c:pt idx="582">
                  <c:v>44413</c:v>
                </c:pt>
                <c:pt idx="583">
                  <c:v>44414</c:v>
                </c:pt>
                <c:pt idx="584">
                  <c:v>44415</c:v>
                </c:pt>
                <c:pt idx="585">
                  <c:v>44416</c:v>
                </c:pt>
                <c:pt idx="586">
                  <c:v>44417</c:v>
                </c:pt>
                <c:pt idx="587">
                  <c:v>44418</c:v>
                </c:pt>
                <c:pt idx="588">
                  <c:v>44419</c:v>
                </c:pt>
                <c:pt idx="589">
                  <c:v>44420</c:v>
                </c:pt>
                <c:pt idx="590">
                  <c:v>44421</c:v>
                </c:pt>
                <c:pt idx="591">
                  <c:v>44422</c:v>
                </c:pt>
                <c:pt idx="592">
                  <c:v>44423</c:v>
                </c:pt>
                <c:pt idx="593">
                  <c:v>44424</c:v>
                </c:pt>
                <c:pt idx="594">
                  <c:v>44425</c:v>
                </c:pt>
                <c:pt idx="595">
                  <c:v>44426</c:v>
                </c:pt>
                <c:pt idx="596">
                  <c:v>44427</c:v>
                </c:pt>
                <c:pt idx="597">
                  <c:v>44428</c:v>
                </c:pt>
                <c:pt idx="598">
                  <c:v>44429</c:v>
                </c:pt>
                <c:pt idx="599">
                  <c:v>44430</c:v>
                </c:pt>
                <c:pt idx="600">
                  <c:v>44431</c:v>
                </c:pt>
                <c:pt idx="601">
                  <c:v>44432</c:v>
                </c:pt>
                <c:pt idx="602">
                  <c:v>44433</c:v>
                </c:pt>
                <c:pt idx="603">
                  <c:v>44434</c:v>
                </c:pt>
                <c:pt idx="604">
                  <c:v>44435</c:v>
                </c:pt>
                <c:pt idx="605">
                  <c:v>44436</c:v>
                </c:pt>
                <c:pt idx="606">
                  <c:v>44437</c:v>
                </c:pt>
                <c:pt idx="607">
                  <c:v>44438</c:v>
                </c:pt>
                <c:pt idx="608">
                  <c:v>44439</c:v>
                </c:pt>
                <c:pt idx="609">
                  <c:v>44440</c:v>
                </c:pt>
                <c:pt idx="610">
                  <c:v>44441</c:v>
                </c:pt>
                <c:pt idx="611">
                  <c:v>44442</c:v>
                </c:pt>
                <c:pt idx="612">
                  <c:v>44443</c:v>
                </c:pt>
                <c:pt idx="613">
                  <c:v>44444</c:v>
                </c:pt>
                <c:pt idx="614">
                  <c:v>44445</c:v>
                </c:pt>
                <c:pt idx="615">
                  <c:v>44446</c:v>
                </c:pt>
                <c:pt idx="616">
                  <c:v>44447</c:v>
                </c:pt>
                <c:pt idx="617">
                  <c:v>44448</c:v>
                </c:pt>
                <c:pt idx="618">
                  <c:v>44449</c:v>
                </c:pt>
                <c:pt idx="619">
                  <c:v>44450</c:v>
                </c:pt>
                <c:pt idx="620">
                  <c:v>44451</c:v>
                </c:pt>
                <c:pt idx="621">
                  <c:v>44452</c:v>
                </c:pt>
                <c:pt idx="622">
                  <c:v>44453</c:v>
                </c:pt>
                <c:pt idx="623">
                  <c:v>44454</c:v>
                </c:pt>
                <c:pt idx="624">
                  <c:v>44455</c:v>
                </c:pt>
                <c:pt idx="625">
                  <c:v>44456</c:v>
                </c:pt>
                <c:pt idx="626">
                  <c:v>44457</c:v>
                </c:pt>
                <c:pt idx="627">
                  <c:v>44458</c:v>
                </c:pt>
                <c:pt idx="628">
                  <c:v>44459</c:v>
                </c:pt>
                <c:pt idx="629">
                  <c:v>44460</c:v>
                </c:pt>
                <c:pt idx="630">
                  <c:v>44461</c:v>
                </c:pt>
                <c:pt idx="631">
                  <c:v>44462</c:v>
                </c:pt>
                <c:pt idx="632">
                  <c:v>44463</c:v>
                </c:pt>
                <c:pt idx="633">
                  <c:v>44464</c:v>
                </c:pt>
                <c:pt idx="634">
                  <c:v>44465</c:v>
                </c:pt>
                <c:pt idx="635">
                  <c:v>44466</c:v>
                </c:pt>
                <c:pt idx="636">
                  <c:v>44467</c:v>
                </c:pt>
                <c:pt idx="637">
                  <c:v>44468</c:v>
                </c:pt>
                <c:pt idx="638">
                  <c:v>44469</c:v>
                </c:pt>
                <c:pt idx="639">
                  <c:v>44470</c:v>
                </c:pt>
                <c:pt idx="640">
                  <c:v>44471</c:v>
                </c:pt>
                <c:pt idx="641">
                  <c:v>44472</c:v>
                </c:pt>
                <c:pt idx="642">
                  <c:v>44473</c:v>
                </c:pt>
                <c:pt idx="643">
                  <c:v>44474</c:v>
                </c:pt>
                <c:pt idx="644">
                  <c:v>44475</c:v>
                </c:pt>
                <c:pt idx="645">
                  <c:v>44476</c:v>
                </c:pt>
                <c:pt idx="646">
                  <c:v>44477</c:v>
                </c:pt>
                <c:pt idx="647">
                  <c:v>44478</c:v>
                </c:pt>
                <c:pt idx="648">
                  <c:v>44479</c:v>
                </c:pt>
                <c:pt idx="649">
                  <c:v>44480</c:v>
                </c:pt>
                <c:pt idx="650">
                  <c:v>44481</c:v>
                </c:pt>
                <c:pt idx="651">
                  <c:v>44482</c:v>
                </c:pt>
                <c:pt idx="652">
                  <c:v>44483</c:v>
                </c:pt>
                <c:pt idx="653">
                  <c:v>44484</c:v>
                </c:pt>
                <c:pt idx="654">
                  <c:v>44485</c:v>
                </c:pt>
                <c:pt idx="655">
                  <c:v>44486</c:v>
                </c:pt>
                <c:pt idx="656">
                  <c:v>44487</c:v>
                </c:pt>
                <c:pt idx="657">
                  <c:v>44488</c:v>
                </c:pt>
                <c:pt idx="658">
                  <c:v>44489</c:v>
                </c:pt>
                <c:pt idx="659">
                  <c:v>44490</c:v>
                </c:pt>
                <c:pt idx="660">
                  <c:v>44491</c:v>
                </c:pt>
                <c:pt idx="661">
                  <c:v>44492</c:v>
                </c:pt>
                <c:pt idx="662">
                  <c:v>44493</c:v>
                </c:pt>
                <c:pt idx="663">
                  <c:v>44494</c:v>
                </c:pt>
                <c:pt idx="664">
                  <c:v>44495</c:v>
                </c:pt>
                <c:pt idx="665">
                  <c:v>44496</c:v>
                </c:pt>
                <c:pt idx="666">
                  <c:v>44497</c:v>
                </c:pt>
                <c:pt idx="667">
                  <c:v>44498</c:v>
                </c:pt>
                <c:pt idx="668">
                  <c:v>44499</c:v>
                </c:pt>
                <c:pt idx="669">
                  <c:v>44500</c:v>
                </c:pt>
                <c:pt idx="670">
                  <c:v>44501</c:v>
                </c:pt>
                <c:pt idx="671">
                  <c:v>44502</c:v>
                </c:pt>
                <c:pt idx="672">
                  <c:v>44503</c:v>
                </c:pt>
                <c:pt idx="673">
                  <c:v>44504</c:v>
                </c:pt>
                <c:pt idx="674">
                  <c:v>44505</c:v>
                </c:pt>
                <c:pt idx="675">
                  <c:v>44506</c:v>
                </c:pt>
                <c:pt idx="676">
                  <c:v>44507</c:v>
                </c:pt>
                <c:pt idx="677">
                  <c:v>44508</c:v>
                </c:pt>
                <c:pt idx="678">
                  <c:v>44509</c:v>
                </c:pt>
                <c:pt idx="679">
                  <c:v>44510</c:v>
                </c:pt>
                <c:pt idx="680">
                  <c:v>44511</c:v>
                </c:pt>
                <c:pt idx="681">
                  <c:v>44512</c:v>
                </c:pt>
                <c:pt idx="682">
                  <c:v>44513</c:v>
                </c:pt>
                <c:pt idx="683">
                  <c:v>44514</c:v>
                </c:pt>
                <c:pt idx="684">
                  <c:v>44515</c:v>
                </c:pt>
                <c:pt idx="685">
                  <c:v>44516</c:v>
                </c:pt>
                <c:pt idx="686">
                  <c:v>44517</c:v>
                </c:pt>
                <c:pt idx="687">
                  <c:v>44518</c:v>
                </c:pt>
                <c:pt idx="688">
                  <c:v>44519</c:v>
                </c:pt>
                <c:pt idx="689">
                  <c:v>44520</c:v>
                </c:pt>
                <c:pt idx="690">
                  <c:v>44521</c:v>
                </c:pt>
                <c:pt idx="691">
                  <c:v>44522</c:v>
                </c:pt>
                <c:pt idx="692">
                  <c:v>44523</c:v>
                </c:pt>
                <c:pt idx="693">
                  <c:v>44524</c:v>
                </c:pt>
                <c:pt idx="694">
                  <c:v>44525</c:v>
                </c:pt>
                <c:pt idx="695">
                  <c:v>44526</c:v>
                </c:pt>
                <c:pt idx="696">
                  <c:v>44527</c:v>
                </c:pt>
                <c:pt idx="697">
                  <c:v>44528</c:v>
                </c:pt>
                <c:pt idx="698">
                  <c:v>44529</c:v>
                </c:pt>
                <c:pt idx="699">
                  <c:v>44530</c:v>
                </c:pt>
                <c:pt idx="700">
                  <c:v>44531</c:v>
                </c:pt>
                <c:pt idx="701">
                  <c:v>44532</c:v>
                </c:pt>
                <c:pt idx="702">
                  <c:v>44533</c:v>
                </c:pt>
                <c:pt idx="703">
                  <c:v>44534</c:v>
                </c:pt>
                <c:pt idx="704">
                  <c:v>44535</c:v>
                </c:pt>
                <c:pt idx="705">
                  <c:v>44536</c:v>
                </c:pt>
                <c:pt idx="706">
                  <c:v>44537</c:v>
                </c:pt>
                <c:pt idx="707">
                  <c:v>44538</c:v>
                </c:pt>
                <c:pt idx="708">
                  <c:v>44539</c:v>
                </c:pt>
                <c:pt idx="709">
                  <c:v>44540</c:v>
                </c:pt>
                <c:pt idx="710">
                  <c:v>44541</c:v>
                </c:pt>
                <c:pt idx="711">
                  <c:v>44542</c:v>
                </c:pt>
                <c:pt idx="712">
                  <c:v>44543</c:v>
                </c:pt>
                <c:pt idx="713">
                  <c:v>44544</c:v>
                </c:pt>
                <c:pt idx="714">
                  <c:v>44545</c:v>
                </c:pt>
                <c:pt idx="715">
                  <c:v>44546</c:v>
                </c:pt>
                <c:pt idx="716">
                  <c:v>44547</c:v>
                </c:pt>
                <c:pt idx="717">
                  <c:v>44548</c:v>
                </c:pt>
                <c:pt idx="718">
                  <c:v>44549</c:v>
                </c:pt>
                <c:pt idx="719">
                  <c:v>44550</c:v>
                </c:pt>
                <c:pt idx="720">
                  <c:v>44551</c:v>
                </c:pt>
                <c:pt idx="721">
                  <c:v>44552</c:v>
                </c:pt>
                <c:pt idx="722">
                  <c:v>44553</c:v>
                </c:pt>
                <c:pt idx="723">
                  <c:v>44554</c:v>
                </c:pt>
                <c:pt idx="724">
                  <c:v>44555</c:v>
                </c:pt>
                <c:pt idx="725">
                  <c:v>44556</c:v>
                </c:pt>
                <c:pt idx="726">
                  <c:v>44557</c:v>
                </c:pt>
                <c:pt idx="727">
                  <c:v>44558</c:v>
                </c:pt>
                <c:pt idx="728">
                  <c:v>44559</c:v>
                </c:pt>
                <c:pt idx="729">
                  <c:v>44560</c:v>
                </c:pt>
                <c:pt idx="730">
                  <c:v>44561</c:v>
                </c:pt>
                <c:pt idx="731">
                  <c:v>44562</c:v>
                </c:pt>
                <c:pt idx="732">
                  <c:v>44563</c:v>
                </c:pt>
                <c:pt idx="733">
                  <c:v>44564</c:v>
                </c:pt>
                <c:pt idx="734">
                  <c:v>44565</c:v>
                </c:pt>
                <c:pt idx="735">
                  <c:v>44566</c:v>
                </c:pt>
                <c:pt idx="736">
                  <c:v>44567</c:v>
                </c:pt>
                <c:pt idx="737">
                  <c:v>44568</c:v>
                </c:pt>
                <c:pt idx="738">
                  <c:v>44569</c:v>
                </c:pt>
                <c:pt idx="739">
                  <c:v>44570</c:v>
                </c:pt>
                <c:pt idx="740">
                  <c:v>44571</c:v>
                </c:pt>
                <c:pt idx="741">
                  <c:v>44572</c:v>
                </c:pt>
                <c:pt idx="742">
                  <c:v>44573</c:v>
                </c:pt>
                <c:pt idx="743">
                  <c:v>44574</c:v>
                </c:pt>
                <c:pt idx="744">
                  <c:v>44575</c:v>
                </c:pt>
                <c:pt idx="745">
                  <c:v>44576</c:v>
                </c:pt>
                <c:pt idx="746">
                  <c:v>44577</c:v>
                </c:pt>
                <c:pt idx="747">
                  <c:v>44578</c:v>
                </c:pt>
                <c:pt idx="748">
                  <c:v>44579</c:v>
                </c:pt>
                <c:pt idx="749">
                  <c:v>44580</c:v>
                </c:pt>
                <c:pt idx="750">
                  <c:v>44581</c:v>
                </c:pt>
                <c:pt idx="751">
                  <c:v>44582</c:v>
                </c:pt>
                <c:pt idx="752">
                  <c:v>44583</c:v>
                </c:pt>
                <c:pt idx="753">
                  <c:v>44584</c:v>
                </c:pt>
                <c:pt idx="754">
                  <c:v>44585</c:v>
                </c:pt>
                <c:pt idx="755">
                  <c:v>44586</c:v>
                </c:pt>
                <c:pt idx="756">
                  <c:v>44587</c:v>
                </c:pt>
                <c:pt idx="757">
                  <c:v>44588</c:v>
                </c:pt>
                <c:pt idx="758">
                  <c:v>44589</c:v>
                </c:pt>
                <c:pt idx="759">
                  <c:v>44590</c:v>
                </c:pt>
                <c:pt idx="760">
                  <c:v>44591</c:v>
                </c:pt>
                <c:pt idx="761">
                  <c:v>44592</c:v>
                </c:pt>
                <c:pt idx="762">
                  <c:v>44593</c:v>
                </c:pt>
                <c:pt idx="763">
                  <c:v>44594</c:v>
                </c:pt>
                <c:pt idx="764">
                  <c:v>44595</c:v>
                </c:pt>
                <c:pt idx="765">
                  <c:v>44596</c:v>
                </c:pt>
                <c:pt idx="766">
                  <c:v>44597</c:v>
                </c:pt>
                <c:pt idx="767">
                  <c:v>44598</c:v>
                </c:pt>
                <c:pt idx="768">
                  <c:v>44599</c:v>
                </c:pt>
                <c:pt idx="769">
                  <c:v>44600</c:v>
                </c:pt>
                <c:pt idx="770">
                  <c:v>44601</c:v>
                </c:pt>
                <c:pt idx="771">
                  <c:v>44602</c:v>
                </c:pt>
                <c:pt idx="772">
                  <c:v>44603</c:v>
                </c:pt>
                <c:pt idx="773">
                  <c:v>44604</c:v>
                </c:pt>
                <c:pt idx="774">
                  <c:v>44605</c:v>
                </c:pt>
                <c:pt idx="775">
                  <c:v>44606</c:v>
                </c:pt>
                <c:pt idx="776">
                  <c:v>44607</c:v>
                </c:pt>
                <c:pt idx="777">
                  <c:v>44608</c:v>
                </c:pt>
                <c:pt idx="778">
                  <c:v>44609</c:v>
                </c:pt>
                <c:pt idx="779">
                  <c:v>44610</c:v>
                </c:pt>
                <c:pt idx="780">
                  <c:v>44611</c:v>
                </c:pt>
                <c:pt idx="781">
                  <c:v>44612</c:v>
                </c:pt>
                <c:pt idx="782">
                  <c:v>44613</c:v>
                </c:pt>
                <c:pt idx="783">
                  <c:v>44614</c:v>
                </c:pt>
                <c:pt idx="784">
                  <c:v>44615</c:v>
                </c:pt>
                <c:pt idx="785">
                  <c:v>44616</c:v>
                </c:pt>
                <c:pt idx="786">
                  <c:v>44617</c:v>
                </c:pt>
                <c:pt idx="787">
                  <c:v>44618</c:v>
                </c:pt>
                <c:pt idx="788">
                  <c:v>44619</c:v>
                </c:pt>
                <c:pt idx="789">
                  <c:v>44620</c:v>
                </c:pt>
                <c:pt idx="790">
                  <c:v>44621</c:v>
                </c:pt>
                <c:pt idx="791">
                  <c:v>44622</c:v>
                </c:pt>
                <c:pt idx="792">
                  <c:v>44623</c:v>
                </c:pt>
                <c:pt idx="793">
                  <c:v>44624</c:v>
                </c:pt>
                <c:pt idx="794">
                  <c:v>44625</c:v>
                </c:pt>
                <c:pt idx="795">
                  <c:v>44626</c:v>
                </c:pt>
                <c:pt idx="796">
                  <c:v>44627</c:v>
                </c:pt>
                <c:pt idx="797">
                  <c:v>44628</c:v>
                </c:pt>
                <c:pt idx="798">
                  <c:v>44629</c:v>
                </c:pt>
                <c:pt idx="799">
                  <c:v>44630</c:v>
                </c:pt>
                <c:pt idx="800">
                  <c:v>44631</c:v>
                </c:pt>
                <c:pt idx="801">
                  <c:v>44632</c:v>
                </c:pt>
                <c:pt idx="802">
                  <c:v>44633</c:v>
                </c:pt>
                <c:pt idx="803">
                  <c:v>44634</c:v>
                </c:pt>
                <c:pt idx="804">
                  <c:v>44635</c:v>
                </c:pt>
                <c:pt idx="805">
                  <c:v>44636</c:v>
                </c:pt>
                <c:pt idx="806">
                  <c:v>44637</c:v>
                </c:pt>
                <c:pt idx="807">
                  <c:v>44638</c:v>
                </c:pt>
                <c:pt idx="808">
                  <c:v>44639</c:v>
                </c:pt>
                <c:pt idx="809">
                  <c:v>44640</c:v>
                </c:pt>
                <c:pt idx="810">
                  <c:v>44641</c:v>
                </c:pt>
                <c:pt idx="811">
                  <c:v>44642</c:v>
                </c:pt>
                <c:pt idx="812">
                  <c:v>44643</c:v>
                </c:pt>
                <c:pt idx="813">
                  <c:v>44644</c:v>
                </c:pt>
                <c:pt idx="814">
                  <c:v>44645</c:v>
                </c:pt>
                <c:pt idx="815">
                  <c:v>44646</c:v>
                </c:pt>
                <c:pt idx="816">
                  <c:v>44647</c:v>
                </c:pt>
                <c:pt idx="817">
                  <c:v>44648</c:v>
                </c:pt>
                <c:pt idx="818">
                  <c:v>44649</c:v>
                </c:pt>
                <c:pt idx="819">
                  <c:v>44650</c:v>
                </c:pt>
                <c:pt idx="820">
                  <c:v>44651</c:v>
                </c:pt>
                <c:pt idx="821">
                  <c:v>44652</c:v>
                </c:pt>
                <c:pt idx="822">
                  <c:v>44653</c:v>
                </c:pt>
                <c:pt idx="823">
                  <c:v>44654</c:v>
                </c:pt>
                <c:pt idx="824">
                  <c:v>44655</c:v>
                </c:pt>
                <c:pt idx="825">
                  <c:v>44656</c:v>
                </c:pt>
                <c:pt idx="826">
                  <c:v>44657</c:v>
                </c:pt>
                <c:pt idx="827">
                  <c:v>44658</c:v>
                </c:pt>
                <c:pt idx="828">
                  <c:v>44659</c:v>
                </c:pt>
                <c:pt idx="829">
                  <c:v>44660</c:v>
                </c:pt>
                <c:pt idx="830">
                  <c:v>44661</c:v>
                </c:pt>
                <c:pt idx="831">
                  <c:v>44662</c:v>
                </c:pt>
                <c:pt idx="832">
                  <c:v>44663</c:v>
                </c:pt>
                <c:pt idx="833">
                  <c:v>44664</c:v>
                </c:pt>
                <c:pt idx="834">
                  <c:v>44665</c:v>
                </c:pt>
                <c:pt idx="835">
                  <c:v>44666</c:v>
                </c:pt>
                <c:pt idx="836">
                  <c:v>44667</c:v>
                </c:pt>
                <c:pt idx="837">
                  <c:v>44668</c:v>
                </c:pt>
                <c:pt idx="838">
                  <c:v>44669</c:v>
                </c:pt>
                <c:pt idx="839">
                  <c:v>44670</c:v>
                </c:pt>
                <c:pt idx="840">
                  <c:v>44671</c:v>
                </c:pt>
                <c:pt idx="841">
                  <c:v>44672</c:v>
                </c:pt>
                <c:pt idx="842">
                  <c:v>44673</c:v>
                </c:pt>
                <c:pt idx="843">
                  <c:v>44674</c:v>
                </c:pt>
                <c:pt idx="844">
                  <c:v>44675</c:v>
                </c:pt>
                <c:pt idx="845">
                  <c:v>44676</c:v>
                </c:pt>
                <c:pt idx="846">
                  <c:v>44677</c:v>
                </c:pt>
                <c:pt idx="847">
                  <c:v>44678</c:v>
                </c:pt>
                <c:pt idx="848">
                  <c:v>44679</c:v>
                </c:pt>
                <c:pt idx="849">
                  <c:v>44680</c:v>
                </c:pt>
                <c:pt idx="850">
                  <c:v>44681</c:v>
                </c:pt>
                <c:pt idx="851">
                  <c:v>44682</c:v>
                </c:pt>
                <c:pt idx="852">
                  <c:v>44683</c:v>
                </c:pt>
                <c:pt idx="853">
                  <c:v>44684</c:v>
                </c:pt>
                <c:pt idx="854">
                  <c:v>44685</c:v>
                </c:pt>
                <c:pt idx="855">
                  <c:v>44686</c:v>
                </c:pt>
                <c:pt idx="856">
                  <c:v>44687</c:v>
                </c:pt>
                <c:pt idx="857">
                  <c:v>44688</c:v>
                </c:pt>
                <c:pt idx="858">
                  <c:v>44689</c:v>
                </c:pt>
                <c:pt idx="859">
                  <c:v>44690</c:v>
                </c:pt>
                <c:pt idx="860">
                  <c:v>44691</c:v>
                </c:pt>
                <c:pt idx="861">
                  <c:v>44692</c:v>
                </c:pt>
                <c:pt idx="862">
                  <c:v>44693</c:v>
                </c:pt>
                <c:pt idx="863">
                  <c:v>44694</c:v>
                </c:pt>
                <c:pt idx="864">
                  <c:v>44695</c:v>
                </c:pt>
                <c:pt idx="865">
                  <c:v>44696</c:v>
                </c:pt>
                <c:pt idx="866">
                  <c:v>44697</c:v>
                </c:pt>
                <c:pt idx="867">
                  <c:v>44698</c:v>
                </c:pt>
                <c:pt idx="868">
                  <c:v>44699</c:v>
                </c:pt>
                <c:pt idx="869">
                  <c:v>44700</c:v>
                </c:pt>
                <c:pt idx="870">
                  <c:v>44701</c:v>
                </c:pt>
                <c:pt idx="871">
                  <c:v>44702</c:v>
                </c:pt>
                <c:pt idx="872">
                  <c:v>44703</c:v>
                </c:pt>
                <c:pt idx="873">
                  <c:v>44704</c:v>
                </c:pt>
                <c:pt idx="874">
                  <c:v>44705</c:v>
                </c:pt>
                <c:pt idx="875">
                  <c:v>44706</c:v>
                </c:pt>
                <c:pt idx="876">
                  <c:v>44707</c:v>
                </c:pt>
                <c:pt idx="877">
                  <c:v>44708</c:v>
                </c:pt>
                <c:pt idx="878">
                  <c:v>44709</c:v>
                </c:pt>
                <c:pt idx="879">
                  <c:v>44710</c:v>
                </c:pt>
                <c:pt idx="880">
                  <c:v>44711</c:v>
                </c:pt>
                <c:pt idx="881">
                  <c:v>44712</c:v>
                </c:pt>
                <c:pt idx="882">
                  <c:v>44713</c:v>
                </c:pt>
                <c:pt idx="883">
                  <c:v>44714</c:v>
                </c:pt>
                <c:pt idx="884">
                  <c:v>44715</c:v>
                </c:pt>
                <c:pt idx="885">
                  <c:v>44716</c:v>
                </c:pt>
                <c:pt idx="886">
                  <c:v>44717</c:v>
                </c:pt>
                <c:pt idx="887">
                  <c:v>44718</c:v>
                </c:pt>
                <c:pt idx="888">
                  <c:v>44719</c:v>
                </c:pt>
                <c:pt idx="889">
                  <c:v>44720</c:v>
                </c:pt>
                <c:pt idx="890">
                  <c:v>44721</c:v>
                </c:pt>
                <c:pt idx="891">
                  <c:v>44722</c:v>
                </c:pt>
                <c:pt idx="892">
                  <c:v>44723</c:v>
                </c:pt>
                <c:pt idx="893">
                  <c:v>44724</c:v>
                </c:pt>
                <c:pt idx="894">
                  <c:v>44725</c:v>
                </c:pt>
                <c:pt idx="895">
                  <c:v>44726</c:v>
                </c:pt>
                <c:pt idx="896">
                  <c:v>44727</c:v>
                </c:pt>
                <c:pt idx="897">
                  <c:v>44728</c:v>
                </c:pt>
                <c:pt idx="898">
                  <c:v>44729</c:v>
                </c:pt>
                <c:pt idx="899">
                  <c:v>44730</c:v>
                </c:pt>
                <c:pt idx="900">
                  <c:v>44731</c:v>
                </c:pt>
                <c:pt idx="901">
                  <c:v>44732</c:v>
                </c:pt>
                <c:pt idx="902">
                  <c:v>44733</c:v>
                </c:pt>
                <c:pt idx="903">
                  <c:v>44734</c:v>
                </c:pt>
                <c:pt idx="904">
                  <c:v>44735</c:v>
                </c:pt>
                <c:pt idx="905">
                  <c:v>44736</c:v>
                </c:pt>
                <c:pt idx="906">
                  <c:v>44737</c:v>
                </c:pt>
                <c:pt idx="907">
                  <c:v>44738</c:v>
                </c:pt>
                <c:pt idx="908">
                  <c:v>44739</c:v>
                </c:pt>
                <c:pt idx="909">
                  <c:v>44740</c:v>
                </c:pt>
                <c:pt idx="910">
                  <c:v>44741</c:v>
                </c:pt>
                <c:pt idx="911">
                  <c:v>44742</c:v>
                </c:pt>
                <c:pt idx="912">
                  <c:v>44743</c:v>
                </c:pt>
                <c:pt idx="913">
                  <c:v>44744</c:v>
                </c:pt>
                <c:pt idx="914">
                  <c:v>44745</c:v>
                </c:pt>
                <c:pt idx="915">
                  <c:v>44746</c:v>
                </c:pt>
                <c:pt idx="916">
                  <c:v>44747</c:v>
                </c:pt>
                <c:pt idx="917">
                  <c:v>44748</c:v>
                </c:pt>
                <c:pt idx="918">
                  <c:v>44749</c:v>
                </c:pt>
                <c:pt idx="919">
                  <c:v>44750</c:v>
                </c:pt>
                <c:pt idx="920">
                  <c:v>44751</c:v>
                </c:pt>
                <c:pt idx="921">
                  <c:v>44752</c:v>
                </c:pt>
                <c:pt idx="922">
                  <c:v>44753</c:v>
                </c:pt>
                <c:pt idx="923">
                  <c:v>44754</c:v>
                </c:pt>
                <c:pt idx="924">
                  <c:v>44755</c:v>
                </c:pt>
                <c:pt idx="925">
                  <c:v>44756</c:v>
                </c:pt>
                <c:pt idx="926">
                  <c:v>44757</c:v>
                </c:pt>
                <c:pt idx="927">
                  <c:v>44758</c:v>
                </c:pt>
                <c:pt idx="928">
                  <c:v>44759</c:v>
                </c:pt>
                <c:pt idx="929">
                  <c:v>44760</c:v>
                </c:pt>
                <c:pt idx="930">
                  <c:v>44761</c:v>
                </c:pt>
                <c:pt idx="931">
                  <c:v>44762</c:v>
                </c:pt>
                <c:pt idx="932">
                  <c:v>44763</c:v>
                </c:pt>
                <c:pt idx="933">
                  <c:v>44764</c:v>
                </c:pt>
                <c:pt idx="934">
                  <c:v>44765</c:v>
                </c:pt>
                <c:pt idx="935">
                  <c:v>44766</c:v>
                </c:pt>
                <c:pt idx="936">
                  <c:v>44767</c:v>
                </c:pt>
                <c:pt idx="937">
                  <c:v>44768</c:v>
                </c:pt>
                <c:pt idx="938">
                  <c:v>44769</c:v>
                </c:pt>
                <c:pt idx="939">
                  <c:v>44770</c:v>
                </c:pt>
                <c:pt idx="940">
                  <c:v>44771</c:v>
                </c:pt>
                <c:pt idx="941">
                  <c:v>44772</c:v>
                </c:pt>
                <c:pt idx="942">
                  <c:v>44773</c:v>
                </c:pt>
                <c:pt idx="943">
                  <c:v>44774</c:v>
                </c:pt>
                <c:pt idx="944">
                  <c:v>44775</c:v>
                </c:pt>
                <c:pt idx="945">
                  <c:v>44776</c:v>
                </c:pt>
                <c:pt idx="946">
                  <c:v>44777</c:v>
                </c:pt>
                <c:pt idx="947">
                  <c:v>44778</c:v>
                </c:pt>
                <c:pt idx="948">
                  <c:v>44779</c:v>
                </c:pt>
                <c:pt idx="949">
                  <c:v>44780</c:v>
                </c:pt>
                <c:pt idx="950">
                  <c:v>44781</c:v>
                </c:pt>
                <c:pt idx="951">
                  <c:v>44782</c:v>
                </c:pt>
                <c:pt idx="952">
                  <c:v>44783</c:v>
                </c:pt>
                <c:pt idx="953">
                  <c:v>44784</c:v>
                </c:pt>
                <c:pt idx="954">
                  <c:v>44785</c:v>
                </c:pt>
                <c:pt idx="955">
                  <c:v>44786</c:v>
                </c:pt>
                <c:pt idx="956">
                  <c:v>44787</c:v>
                </c:pt>
                <c:pt idx="957">
                  <c:v>44788</c:v>
                </c:pt>
                <c:pt idx="958">
                  <c:v>44789</c:v>
                </c:pt>
                <c:pt idx="959">
                  <c:v>44790</c:v>
                </c:pt>
                <c:pt idx="960">
                  <c:v>44791</c:v>
                </c:pt>
                <c:pt idx="961">
                  <c:v>44792</c:v>
                </c:pt>
                <c:pt idx="962">
                  <c:v>44793</c:v>
                </c:pt>
                <c:pt idx="963">
                  <c:v>44794</c:v>
                </c:pt>
                <c:pt idx="964">
                  <c:v>44795</c:v>
                </c:pt>
                <c:pt idx="965">
                  <c:v>44796</c:v>
                </c:pt>
                <c:pt idx="966">
                  <c:v>44797</c:v>
                </c:pt>
                <c:pt idx="967">
                  <c:v>44798</c:v>
                </c:pt>
                <c:pt idx="968">
                  <c:v>44799</c:v>
                </c:pt>
                <c:pt idx="969">
                  <c:v>44800</c:v>
                </c:pt>
                <c:pt idx="970">
                  <c:v>44801</c:v>
                </c:pt>
                <c:pt idx="971">
                  <c:v>44802</c:v>
                </c:pt>
                <c:pt idx="972">
                  <c:v>44803</c:v>
                </c:pt>
                <c:pt idx="973">
                  <c:v>44804</c:v>
                </c:pt>
                <c:pt idx="974">
                  <c:v>44805</c:v>
                </c:pt>
                <c:pt idx="975">
                  <c:v>44806</c:v>
                </c:pt>
                <c:pt idx="976">
                  <c:v>44807</c:v>
                </c:pt>
                <c:pt idx="977">
                  <c:v>44808</c:v>
                </c:pt>
                <c:pt idx="978">
                  <c:v>44809</c:v>
                </c:pt>
                <c:pt idx="979">
                  <c:v>44810</c:v>
                </c:pt>
                <c:pt idx="980">
                  <c:v>44811</c:v>
                </c:pt>
                <c:pt idx="981">
                  <c:v>44812</c:v>
                </c:pt>
                <c:pt idx="982">
                  <c:v>44813</c:v>
                </c:pt>
                <c:pt idx="983">
                  <c:v>44814</c:v>
                </c:pt>
                <c:pt idx="984">
                  <c:v>44815</c:v>
                </c:pt>
                <c:pt idx="985">
                  <c:v>44816</c:v>
                </c:pt>
                <c:pt idx="986">
                  <c:v>44817</c:v>
                </c:pt>
                <c:pt idx="987">
                  <c:v>44818</c:v>
                </c:pt>
                <c:pt idx="988">
                  <c:v>44819</c:v>
                </c:pt>
                <c:pt idx="989">
                  <c:v>44820</c:v>
                </c:pt>
                <c:pt idx="990">
                  <c:v>44821</c:v>
                </c:pt>
                <c:pt idx="991">
                  <c:v>44822</c:v>
                </c:pt>
                <c:pt idx="992">
                  <c:v>44823</c:v>
                </c:pt>
                <c:pt idx="993">
                  <c:v>44824</c:v>
                </c:pt>
                <c:pt idx="994">
                  <c:v>44825</c:v>
                </c:pt>
                <c:pt idx="995">
                  <c:v>44826</c:v>
                </c:pt>
                <c:pt idx="996">
                  <c:v>44827</c:v>
                </c:pt>
                <c:pt idx="997">
                  <c:v>44828</c:v>
                </c:pt>
                <c:pt idx="998">
                  <c:v>44829</c:v>
                </c:pt>
                <c:pt idx="999">
                  <c:v>44830</c:v>
                </c:pt>
                <c:pt idx="1000">
                  <c:v>44831</c:v>
                </c:pt>
                <c:pt idx="1001">
                  <c:v>44832</c:v>
                </c:pt>
                <c:pt idx="1002">
                  <c:v>44833</c:v>
                </c:pt>
                <c:pt idx="1003">
                  <c:v>44834</c:v>
                </c:pt>
                <c:pt idx="1004">
                  <c:v>44835</c:v>
                </c:pt>
                <c:pt idx="1005">
                  <c:v>44836</c:v>
                </c:pt>
                <c:pt idx="1006">
                  <c:v>44837</c:v>
                </c:pt>
                <c:pt idx="1007">
                  <c:v>44838</c:v>
                </c:pt>
                <c:pt idx="1008">
                  <c:v>44839</c:v>
                </c:pt>
                <c:pt idx="1009">
                  <c:v>44840</c:v>
                </c:pt>
                <c:pt idx="1010">
                  <c:v>44841</c:v>
                </c:pt>
                <c:pt idx="1011">
                  <c:v>44842</c:v>
                </c:pt>
                <c:pt idx="1012">
                  <c:v>44843</c:v>
                </c:pt>
                <c:pt idx="1013">
                  <c:v>44844</c:v>
                </c:pt>
                <c:pt idx="1014">
                  <c:v>44845</c:v>
                </c:pt>
                <c:pt idx="1015">
                  <c:v>44846</c:v>
                </c:pt>
                <c:pt idx="1016">
                  <c:v>44847</c:v>
                </c:pt>
                <c:pt idx="1017">
                  <c:v>44848</c:v>
                </c:pt>
                <c:pt idx="1018">
                  <c:v>44849</c:v>
                </c:pt>
                <c:pt idx="1019">
                  <c:v>44850</c:v>
                </c:pt>
                <c:pt idx="1020">
                  <c:v>44851</c:v>
                </c:pt>
                <c:pt idx="1021">
                  <c:v>44852</c:v>
                </c:pt>
                <c:pt idx="1022">
                  <c:v>44853</c:v>
                </c:pt>
                <c:pt idx="1023">
                  <c:v>44854</c:v>
                </c:pt>
                <c:pt idx="1024">
                  <c:v>44855</c:v>
                </c:pt>
                <c:pt idx="1025">
                  <c:v>44856</c:v>
                </c:pt>
                <c:pt idx="1026">
                  <c:v>44857</c:v>
                </c:pt>
                <c:pt idx="1027">
                  <c:v>44858</c:v>
                </c:pt>
                <c:pt idx="1028">
                  <c:v>44859</c:v>
                </c:pt>
                <c:pt idx="1029">
                  <c:v>44860</c:v>
                </c:pt>
                <c:pt idx="1030">
                  <c:v>44861</c:v>
                </c:pt>
                <c:pt idx="1031">
                  <c:v>44862</c:v>
                </c:pt>
                <c:pt idx="1032">
                  <c:v>44863</c:v>
                </c:pt>
                <c:pt idx="1033">
                  <c:v>44864</c:v>
                </c:pt>
                <c:pt idx="1034">
                  <c:v>44865</c:v>
                </c:pt>
                <c:pt idx="1035">
                  <c:v>44866</c:v>
                </c:pt>
                <c:pt idx="1036">
                  <c:v>44867</c:v>
                </c:pt>
                <c:pt idx="1037">
                  <c:v>44868</c:v>
                </c:pt>
                <c:pt idx="1038">
                  <c:v>44869</c:v>
                </c:pt>
                <c:pt idx="1039">
                  <c:v>44870</c:v>
                </c:pt>
                <c:pt idx="1040">
                  <c:v>44871</c:v>
                </c:pt>
                <c:pt idx="1041">
                  <c:v>44872</c:v>
                </c:pt>
                <c:pt idx="1042">
                  <c:v>44873</c:v>
                </c:pt>
                <c:pt idx="1043">
                  <c:v>44874</c:v>
                </c:pt>
                <c:pt idx="1044">
                  <c:v>44875</c:v>
                </c:pt>
                <c:pt idx="1045">
                  <c:v>44876</c:v>
                </c:pt>
                <c:pt idx="1046">
                  <c:v>44877</c:v>
                </c:pt>
                <c:pt idx="1047">
                  <c:v>44878</c:v>
                </c:pt>
                <c:pt idx="1048">
                  <c:v>44879</c:v>
                </c:pt>
                <c:pt idx="1049">
                  <c:v>44880</c:v>
                </c:pt>
              </c:numCache>
            </c:numRef>
          </c:cat>
          <c:val>
            <c:numRef>
              <c:f>'Swap Rates'!$D$3:$D$1052</c:f>
              <c:numCache>
                <c:formatCode>0.00</c:formatCode>
                <c:ptCount val="1050"/>
                <c:pt idx="0">
                  <c:v>1.7896219767805399</c:v>
                </c:pt>
                <c:pt idx="1">
                  <c:v>1.73972359463037</c:v>
                </c:pt>
                <c:pt idx="2">
                  <c:v>1.6473936141749399</c:v>
                </c:pt>
                <c:pt idx="3">
                  <c:v>1.6473936141388601</c:v>
                </c:pt>
                <c:pt idx="4">
                  <c:v>1.6473936141029</c:v>
                </c:pt>
                <c:pt idx="5">
                  <c:v>1.6399512313939799</c:v>
                </c:pt>
                <c:pt idx="6">
                  <c:v>1.6650412854605099</c:v>
                </c:pt>
                <c:pt idx="7">
                  <c:v>1.6958105662909899</c:v>
                </c:pt>
                <c:pt idx="8">
                  <c:v>1.692334534777</c:v>
                </c:pt>
                <c:pt idx="9">
                  <c:v>1.6628212589693601</c:v>
                </c:pt>
                <c:pt idx="10">
                  <c:v>1.66282125894189</c:v>
                </c:pt>
                <c:pt idx="11">
                  <c:v>1.6628212589145099</c:v>
                </c:pt>
                <c:pt idx="12">
                  <c:v>1.68515757498176</c:v>
                </c:pt>
                <c:pt idx="13">
                  <c:v>1.6665082243848699</c:v>
                </c:pt>
                <c:pt idx="14">
                  <c:v>1.6397012955058199</c:v>
                </c:pt>
                <c:pt idx="15">
                  <c:v>1.65482168659474</c:v>
                </c:pt>
                <c:pt idx="16">
                  <c:v>1.67716252738405</c:v>
                </c:pt>
                <c:pt idx="17">
                  <c:v>1.6771625273883799</c:v>
                </c:pt>
                <c:pt idx="18">
                  <c:v>1.67716252739268</c:v>
                </c:pt>
                <c:pt idx="19">
                  <c:v>1.67716291415768</c:v>
                </c:pt>
                <c:pt idx="20">
                  <c:v>1.6277856921390901</c:v>
                </c:pt>
                <c:pt idx="21">
                  <c:v>1.61835461147223</c:v>
                </c:pt>
                <c:pt idx="22">
                  <c:v>1.5798416335919101</c:v>
                </c:pt>
                <c:pt idx="23">
                  <c:v>1.53207125358704</c:v>
                </c:pt>
                <c:pt idx="24">
                  <c:v>1.5320712535574299</c:v>
                </c:pt>
                <c:pt idx="25">
                  <c:v>1.5320712535279599</c:v>
                </c:pt>
                <c:pt idx="26">
                  <c:v>1.4375735031771499</c:v>
                </c:pt>
                <c:pt idx="27">
                  <c:v>1.49182687026184</c:v>
                </c:pt>
                <c:pt idx="28">
                  <c:v>1.43292880554175</c:v>
                </c:pt>
                <c:pt idx="29">
                  <c:v>1.4261790878480201</c:v>
                </c:pt>
                <c:pt idx="30">
                  <c:v>1.3581356758227201</c:v>
                </c:pt>
                <c:pt idx="31">
                  <c:v>1.35813567570428</c:v>
                </c:pt>
                <c:pt idx="32">
                  <c:v>1.3581356755863701</c:v>
                </c:pt>
                <c:pt idx="33">
                  <c:v>1.37751875757784</c:v>
                </c:pt>
                <c:pt idx="34">
                  <c:v>1.45404697736161</c:v>
                </c:pt>
                <c:pt idx="35">
                  <c:v>1.51740876164734</c:v>
                </c:pt>
                <c:pt idx="36">
                  <c:v>1.5109933865324101</c:v>
                </c:pt>
                <c:pt idx="37">
                  <c:v>1.45141041720667</c:v>
                </c:pt>
                <c:pt idx="38">
                  <c:v>1.45141041713917</c:v>
                </c:pt>
                <c:pt idx="39">
                  <c:v>1.4514104170719599</c:v>
                </c:pt>
                <c:pt idx="40">
                  <c:v>1.41916024428079</c:v>
                </c:pt>
                <c:pt idx="41">
                  <c:v>1.4474349391299599</c:v>
                </c:pt>
                <c:pt idx="42">
                  <c:v>1.4901214112135699</c:v>
                </c:pt>
                <c:pt idx="43">
                  <c:v>1.4679937149645299</c:v>
                </c:pt>
                <c:pt idx="44">
                  <c:v>1.44238509888244</c:v>
                </c:pt>
                <c:pt idx="45">
                  <c:v>1.44238509876502</c:v>
                </c:pt>
                <c:pt idx="46">
                  <c:v>1.44238509864808</c:v>
                </c:pt>
                <c:pt idx="47">
                  <c:v>1.44238491630798</c:v>
                </c:pt>
                <c:pt idx="48">
                  <c:v>1.3993758149256701</c:v>
                </c:pt>
                <c:pt idx="49">
                  <c:v>1.41058671392212</c:v>
                </c:pt>
                <c:pt idx="50">
                  <c:v>1.3673905904252099</c:v>
                </c:pt>
                <c:pt idx="51">
                  <c:v>1.3075534613372399</c:v>
                </c:pt>
                <c:pt idx="52">
                  <c:v>1.3075534612064501</c:v>
                </c:pt>
                <c:pt idx="53">
                  <c:v>1.3075534610761601</c:v>
                </c:pt>
                <c:pt idx="54">
                  <c:v>1.2168660155503399</c:v>
                </c:pt>
                <c:pt idx="55">
                  <c:v>1.18734099303286</c:v>
                </c:pt>
                <c:pt idx="56">
                  <c:v>1.20895565264476</c:v>
                </c:pt>
                <c:pt idx="57">
                  <c:v>1.1472942651240401</c:v>
                </c:pt>
                <c:pt idx="58">
                  <c:v>1.0243445292437301</c:v>
                </c:pt>
                <c:pt idx="59">
                  <c:v>1.0243445287900399</c:v>
                </c:pt>
                <c:pt idx="60">
                  <c:v>1.0243445283381001</c:v>
                </c:pt>
                <c:pt idx="61">
                  <c:v>1.0600008661474301</c:v>
                </c:pt>
                <c:pt idx="62">
                  <c:v>0.90265603127549598</c:v>
                </c:pt>
                <c:pt idx="63">
                  <c:v>0.94779214150643099</c:v>
                </c:pt>
                <c:pt idx="64">
                  <c:v>0.83795126342234105</c:v>
                </c:pt>
                <c:pt idx="65">
                  <c:v>0.74894217753941805</c:v>
                </c:pt>
                <c:pt idx="66">
                  <c:v>0.74894217734678203</c:v>
                </c:pt>
                <c:pt idx="67">
                  <c:v>0.74894217715481204</c:v>
                </c:pt>
                <c:pt idx="68">
                  <c:v>0.59182637571336105</c:v>
                </c:pt>
                <c:pt idx="69">
                  <c:v>0.76188024839792501</c:v>
                </c:pt>
                <c:pt idx="70">
                  <c:v>0.79433318914514806</c:v>
                </c:pt>
                <c:pt idx="71">
                  <c:v>0.77690076393201202</c:v>
                </c:pt>
                <c:pt idx="72">
                  <c:v>0.91394525824325801</c:v>
                </c:pt>
                <c:pt idx="73">
                  <c:v>0.91394525816040595</c:v>
                </c:pt>
                <c:pt idx="74">
                  <c:v>0.91394525807787397</c:v>
                </c:pt>
                <c:pt idx="75">
                  <c:v>0.70155090590370295</c:v>
                </c:pt>
                <c:pt idx="76">
                  <c:v>0.92306099325319002</c:v>
                </c:pt>
                <c:pt idx="77">
                  <c:v>1.02540574964632</c:v>
                </c:pt>
                <c:pt idx="78">
                  <c:v>0.97267743671726703</c:v>
                </c:pt>
                <c:pt idx="79">
                  <c:v>0.71199209566806698</c:v>
                </c:pt>
                <c:pt idx="80">
                  <c:v>0.71199209566907495</c:v>
                </c:pt>
                <c:pt idx="81">
                  <c:v>0.71199209567006405</c:v>
                </c:pt>
                <c:pt idx="82">
                  <c:v>0.60481218078405097</c:v>
                </c:pt>
                <c:pt idx="83">
                  <c:v>0.67125630167129102</c:v>
                </c:pt>
                <c:pt idx="84">
                  <c:v>0.72680405659882197</c:v>
                </c:pt>
                <c:pt idx="85">
                  <c:v>0.67894092369732995</c:v>
                </c:pt>
                <c:pt idx="86">
                  <c:v>0.57793066446750396</c:v>
                </c:pt>
                <c:pt idx="87">
                  <c:v>0.57793066442590901</c:v>
                </c:pt>
                <c:pt idx="88">
                  <c:v>0.57793066438450102</c:v>
                </c:pt>
                <c:pt idx="89">
                  <c:v>0.63843229396152601</c:v>
                </c:pt>
                <c:pt idx="90">
                  <c:v>0.64912467265259099</c:v>
                </c:pt>
                <c:pt idx="91">
                  <c:v>0.62192723683667095</c:v>
                </c:pt>
                <c:pt idx="92">
                  <c:v>0.604776979426071</c:v>
                </c:pt>
                <c:pt idx="93">
                  <c:v>0.59303721261100095</c:v>
                </c:pt>
                <c:pt idx="94">
                  <c:v>0.59303721264764098</c:v>
                </c:pt>
                <c:pt idx="95">
                  <c:v>0.59303721268418397</c:v>
                </c:pt>
                <c:pt idx="96">
                  <c:v>0.64617390242942896</c:v>
                </c:pt>
                <c:pt idx="97">
                  <c:v>0.70496866455148799</c:v>
                </c:pt>
                <c:pt idx="98">
                  <c:v>0.73184569828369606</c:v>
                </c:pt>
                <c:pt idx="99">
                  <c:v>0.72862094252923404</c:v>
                </c:pt>
                <c:pt idx="100">
                  <c:v>0.72336535660882895</c:v>
                </c:pt>
                <c:pt idx="101">
                  <c:v>0.72336535666034996</c:v>
                </c:pt>
                <c:pt idx="102">
                  <c:v>0.72336535671166802</c:v>
                </c:pt>
                <c:pt idx="103">
                  <c:v>0.75476539428899203</c:v>
                </c:pt>
                <c:pt idx="104">
                  <c:v>0.74709711411643298</c:v>
                </c:pt>
                <c:pt idx="105">
                  <c:v>0.63316121885384202</c:v>
                </c:pt>
                <c:pt idx="106">
                  <c:v>0.60814437855889303</c:v>
                </c:pt>
                <c:pt idx="107">
                  <c:v>0.63372032727826699</c:v>
                </c:pt>
                <c:pt idx="108">
                  <c:v>0.63372032727461203</c:v>
                </c:pt>
                <c:pt idx="109">
                  <c:v>0.63372032727092198</c:v>
                </c:pt>
                <c:pt idx="110">
                  <c:v>0.59474229597205996</c:v>
                </c:pt>
                <c:pt idx="111">
                  <c:v>0.54836018423754396</c:v>
                </c:pt>
                <c:pt idx="112">
                  <c:v>0.57171820403406803</c:v>
                </c:pt>
                <c:pt idx="113">
                  <c:v>0.53345435567110999</c:v>
                </c:pt>
                <c:pt idx="114">
                  <c:v>0.52475958183744198</c:v>
                </c:pt>
                <c:pt idx="115">
                  <c:v>0.52475958186877003</c:v>
                </c:pt>
                <c:pt idx="116">
                  <c:v>0.52475958189998895</c:v>
                </c:pt>
                <c:pt idx="117">
                  <c:v>0.582144684897557</c:v>
                </c:pt>
                <c:pt idx="118">
                  <c:v>0.52415866809650602</c:v>
                </c:pt>
                <c:pt idx="119">
                  <c:v>0.53664143129729402</c:v>
                </c:pt>
                <c:pt idx="120">
                  <c:v>0.56284988534036695</c:v>
                </c:pt>
                <c:pt idx="121">
                  <c:v>0.54340264251605996</c:v>
                </c:pt>
                <c:pt idx="122">
                  <c:v>0.54340264250779302</c:v>
                </c:pt>
                <c:pt idx="123">
                  <c:v>0.54340264249959103</c:v>
                </c:pt>
                <c:pt idx="124">
                  <c:v>0.54141074150837099</c:v>
                </c:pt>
                <c:pt idx="125">
                  <c:v>0.55533813827268397</c:v>
                </c:pt>
                <c:pt idx="126">
                  <c:v>0.57877805552661199</c:v>
                </c:pt>
                <c:pt idx="127">
                  <c:v>0.506452055793149</c:v>
                </c:pt>
                <c:pt idx="128">
                  <c:v>0.54839136807732802</c:v>
                </c:pt>
                <c:pt idx="129">
                  <c:v>0.548391368065417</c:v>
                </c:pt>
                <c:pt idx="130">
                  <c:v>0.54839136805352995</c:v>
                </c:pt>
                <c:pt idx="131">
                  <c:v>0.57233677521058002</c:v>
                </c:pt>
                <c:pt idx="132">
                  <c:v>0.54591103068965596</c:v>
                </c:pt>
                <c:pt idx="133">
                  <c:v>0.52518306566270101</c:v>
                </c:pt>
                <c:pt idx="134">
                  <c:v>0.51098400468360505</c:v>
                </c:pt>
                <c:pt idx="135">
                  <c:v>0.53469609244959804</c:v>
                </c:pt>
                <c:pt idx="136">
                  <c:v>0.53469609244542204</c:v>
                </c:pt>
                <c:pt idx="137">
                  <c:v>0.53469609244128002</c:v>
                </c:pt>
                <c:pt idx="138">
                  <c:v>0.62147677455898198</c:v>
                </c:pt>
                <c:pt idx="139">
                  <c:v>0.58806117412576497</c:v>
                </c:pt>
                <c:pt idx="140">
                  <c:v>0.58886914313111505</c:v>
                </c:pt>
                <c:pt idx="141">
                  <c:v>0.58288419163253202</c:v>
                </c:pt>
                <c:pt idx="142">
                  <c:v>0.58016715256028795</c:v>
                </c:pt>
                <c:pt idx="143">
                  <c:v>0.58016715256948004</c:v>
                </c:pt>
                <c:pt idx="144">
                  <c:v>0.58016715257865503</c:v>
                </c:pt>
                <c:pt idx="145">
                  <c:v>0.58016715258779294</c:v>
                </c:pt>
                <c:pt idx="146">
                  <c:v>0.59851490405956898</c:v>
                </c:pt>
                <c:pt idx="147">
                  <c:v>0.58636995880801102</c:v>
                </c:pt>
                <c:pt idx="148">
                  <c:v>0.60130307645346304</c:v>
                </c:pt>
                <c:pt idx="149">
                  <c:v>0.56562182368438096</c:v>
                </c:pt>
                <c:pt idx="150">
                  <c:v>0.56562182369446901</c:v>
                </c:pt>
                <c:pt idx="151">
                  <c:v>0.56562182370449698</c:v>
                </c:pt>
                <c:pt idx="152">
                  <c:v>0.567848186529753</c:v>
                </c:pt>
                <c:pt idx="153">
                  <c:v>0.583309692610954</c:v>
                </c:pt>
                <c:pt idx="154">
                  <c:v>0.66160266879554197</c:v>
                </c:pt>
                <c:pt idx="155">
                  <c:v>0.721424264451893</c:v>
                </c:pt>
                <c:pt idx="156">
                  <c:v>0.78348954278475502</c:v>
                </c:pt>
                <c:pt idx="157">
                  <c:v>0.78348954279630101</c:v>
                </c:pt>
                <c:pt idx="158">
                  <c:v>0.78348954280779903</c:v>
                </c:pt>
                <c:pt idx="159">
                  <c:v>0.77352541601398095</c:v>
                </c:pt>
                <c:pt idx="160">
                  <c:v>0.72817132137863705</c:v>
                </c:pt>
                <c:pt idx="161">
                  <c:v>0.64441518266350595</c:v>
                </c:pt>
                <c:pt idx="162">
                  <c:v>0.57537163637471</c:v>
                </c:pt>
                <c:pt idx="163">
                  <c:v>0.61200386202880697</c:v>
                </c:pt>
                <c:pt idx="164">
                  <c:v>0.61200386202644497</c:v>
                </c:pt>
                <c:pt idx="165">
                  <c:v>0.61200386202407797</c:v>
                </c:pt>
                <c:pt idx="166">
                  <c:v>0.61825773327495703</c:v>
                </c:pt>
                <c:pt idx="167">
                  <c:v>0.64790585848322901</c:v>
                </c:pt>
                <c:pt idx="168">
                  <c:v>0.61975564892216894</c:v>
                </c:pt>
                <c:pt idx="169">
                  <c:v>0.59105597260320697</c:v>
                </c:pt>
                <c:pt idx="170">
                  <c:v>0.58856154926746396</c:v>
                </c:pt>
                <c:pt idx="171">
                  <c:v>0.58856154927319904</c:v>
                </c:pt>
                <c:pt idx="172">
                  <c:v>0.58856154927891702</c:v>
                </c:pt>
                <c:pt idx="173">
                  <c:v>0.60225561162857</c:v>
                </c:pt>
                <c:pt idx="174">
                  <c:v>0.60534864643335395</c:v>
                </c:pt>
                <c:pt idx="175">
                  <c:v>0.57515379884995799</c:v>
                </c:pt>
                <c:pt idx="176">
                  <c:v>0.56911180041046106</c:v>
                </c:pt>
                <c:pt idx="177">
                  <c:v>0.52344486379130395</c:v>
                </c:pt>
                <c:pt idx="178">
                  <c:v>0.52344486379535204</c:v>
                </c:pt>
                <c:pt idx="179">
                  <c:v>0.52344486379936195</c:v>
                </c:pt>
                <c:pt idx="180">
                  <c:v>0.51570719278238997</c:v>
                </c:pt>
                <c:pt idx="181">
                  <c:v>0.53914949434003201</c:v>
                </c:pt>
                <c:pt idx="182">
                  <c:v>0.55538000071042504</c:v>
                </c:pt>
                <c:pt idx="183">
                  <c:v>0.54839738461313803</c:v>
                </c:pt>
                <c:pt idx="184">
                  <c:v>0.54739980579831504</c:v>
                </c:pt>
                <c:pt idx="185">
                  <c:v>0.547399805786556</c:v>
                </c:pt>
                <c:pt idx="186">
                  <c:v>0.54739980577486502</c:v>
                </c:pt>
                <c:pt idx="187">
                  <c:v>0.55538122057582495</c:v>
                </c:pt>
                <c:pt idx="188">
                  <c:v>0.51129334903313595</c:v>
                </c:pt>
                <c:pt idx="189">
                  <c:v>0.528714492604617</c:v>
                </c:pt>
                <c:pt idx="190">
                  <c:v>0.49079917223251501</c:v>
                </c:pt>
                <c:pt idx="191">
                  <c:v>0.52698737093936399</c:v>
                </c:pt>
                <c:pt idx="192">
                  <c:v>0.52698737091441605</c:v>
                </c:pt>
                <c:pt idx="193">
                  <c:v>0.52698737088953496</c:v>
                </c:pt>
                <c:pt idx="194">
                  <c:v>0.50649358031096003</c:v>
                </c:pt>
                <c:pt idx="195">
                  <c:v>0.50422501733217795</c:v>
                </c:pt>
                <c:pt idx="196">
                  <c:v>0.50944247840688595</c:v>
                </c:pt>
                <c:pt idx="197">
                  <c:v>0.499961158549802</c:v>
                </c:pt>
                <c:pt idx="198">
                  <c:v>0.50467870542830695</c:v>
                </c:pt>
                <c:pt idx="199">
                  <c:v>0.50467870539609705</c:v>
                </c:pt>
                <c:pt idx="200">
                  <c:v>0.50467870536401405</c:v>
                </c:pt>
                <c:pt idx="201">
                  <c:v>0.488714597318543</c:v>
                </c:pt>
                <c:pt idx="202">
                  <c:v>0.48222706292017098</c:v>
                </c:pt>
                <c:pt idx="203">
                  <c:v>0.47900284116015801</c:v>
                </c:pt>
                <c:pt idx="204">
                  <c:v>0.47029161124303298</c:v>
                </c:pt>
                <c:pt idx="205">
                  <c:v>0.47728404653902701</c:v>
                </c:pt>
                <c:pt idx="206">
                  <c:v>0.477284046520625</c:v>
                </c:pt>
                <c:pt idx="207">
                  <c:v>0.47728404650231299</c:v>
                </c:pt>
                <c:pt idx="208">
                  <c:v>0.499311922757531</c:v>
                </c:pt>
                <c:pt idx="209">
                  <c:v>0.47215684127048402</c:v>
                </c:pt>
                <c:pt idx="210">
                  <c:v>0.45257160102289001</c:v>
                </c:pt>
                <c:pt idx="211">
                  <c:v>0.42783731546551601</c:v>
                </c:pt>
                <c:pt idx="212">
                  <c:v>0.42883472682289397</c:v>
                </c:pt>
                <c:pt idx="213">
                  <c:v>0.428834726789182</c:v>
                </c:pt>
                <c:pt idx="214">
                  <c:v>0.42883472675558498</c:v>
                </c:pt>
                <c:pt idx="215">
                  <c:v>0.43577689989557</c:v>
                </c:pt>
                <c:pt idx="216">
                  <c:v>0.39381773776463902</c:v>
                </c:pt>
                <c:pt idx="217">
                  <c:v>0.43573420063831497</c:v>
                </c:pt>
                <c:pt idx="218">
                  <c:v>0.43178372433620898</c:v>
                </c:pt>
                <c:pt idx="219">
                  <c:v>0.47373680800738699</c:v>
                </c:pt>
                <c:pt idx="220">
                  <c:v>0.47373680798628298</c:v>
                </c:pt>
                <c:pt idx="221">
                  <c:v>0.47373680796525602</c:v>
                </c:pt>
                <c:pt idx="222">
                  <c:v>0.49092926830086098</c:v>
                </c:pt>
                <c:pt idx="223">
                  <c:v>0.52734610501527601</c:v>
                </c:pt>
                <c:pt idx="224">
                  <c:v>0.55500529638394203</c:v>
                </c:pt>
                <c:pt idx="225">
                  <c:v>0.58692463116687399</c:v>
                </c:pt>
                <c:pt idx="226">
                  <c:v>0.60188323525351695</c:v>
                </c:pt>
                <c:pt idx="227">
                  <c:v>0.60188323523774401</c:v>
                </c:pt>
                <c:pt idx="228">
                  <c:v>0.60188323522201603</c:v>
                </c:pt>
                <c:pt idx="229">
                  <c:v>0.56996833990873297</c:v>
                </c:pt>
                <c:pt idx="230">
                  <c:v>0.54552934753354898</c:v>
                </c:pt>
                <c:pt idx="231">
                  <c:v>0.56026162201566998</c:v>
                </c:pt>
                <c:pt idx="232">
                  <c:v>0.53405553019459895</c:v>
                </c:pt>
                <c:pt idx="233">
                  <c:v>0.53006496675579995</c:v>
                </c:pt>
                <c:pt idx="234">
                  <c:v>0.53006496672897196</c:v>
                </c:pt>
                <c:pt idx="235">
                  <c:v>0.53006496670223902</c:v>
                </c:pt>
                <c:pt idx="236">
                  <c:v>0.54157625803090004</c:v>
                </c:pt>
                <c:pt idx="237">
                  <c:v>0.57820950210606503</c:v>
                </c:pt>
                <c:pt idx="238">
                  <c:v>0.58624444034481504</c:v>
                </c:pt>
                <c:pt idx="239">
                  <c:v>0.63678630761773602</c:v>
                </c:pt>
                <c:pt idx="240">
                  <c:v>0.62831099160065296</c:v>
                </c:pt>
                <c:pt idx="241">
                  <c:v>0.62831099158898795</c:v>
                </c:pt>
                <c:pt idx="242">
                  <c:v>0.62831099157736703</c:v>
                </c:pt>
                <c:pt idx="243">
                  <c:v>0.60986214594969801</c:v>
                </c:pt>
                <c:pt idx="244">
                  <c:v>0.57445457781033005</c:v>
                </c:pt>
                <c:pt idx="245">
                  <c:v>0.55749492663706501</c:v>
                </c:pt>
                <c:pt idx="246">
                  <c:v>0.54878909894342398</c:v>
                </c:pt>
                <c:pt idx="247">
                  <c:v>0.614615269865882</c:v>
                </c:pt>
                <c:pt idx="248">
                  <c:v>0.61461526985674997</c:v>
                </c:pt>
                <c:pt idx="249">
                  <c:v>0.61461526984767101</c:v>
                </c:pt>
                <c:pt idx="250">
                  <c:v>0.61461530614516102</c:v>
                </c:pt>
                <c:pt idx="251">
                  <c:v>0.58220210751882795</c:v>
                </c:pt>
                <c:pt idx="252">
                  <c:v>0.59117619800278698</c:v>
                </c:pt>
                <c:pt idx="253">
                  <c:v>0.58170299949416904</c:v>
                </c:pt>
                <c:pt idx="254">
                  <c:v>0.57122969901230802</c:v>
                </c:pt>
                <c:pt idx="255">
                  <c:v>0.571229699000948</c:v>
                </c:pt>
                <c:pt idx="256">
                  <c:v>0.57122969898961895</c:v>
                </c:pt>
                <c:pt idx="257">
                  <c:v>0.57521973665427195</c:v>
                </c:pt>
                <c:pt idx="258">
                  <c:v>0.58120420997771305</c:v>
                </c:pt>
                <c:pt idx="259">
                  <c:v>0.58569073593095999</c:v>
                </c:pt>
                <c:pt idx="260">
                  <c:v>0.58419082646295695</c:v>
                </c:pt>
                <c:pt idx="261">
                  <c:v>0.59616154136442001</c:v>
                </c:pt>
                <c:pt idx="262">
                  <c:v>0.59616154135682997</c:v>
                </c:pt>
                <c:pt idx="263">
                  <c:v>0.59616154134926402</c:v>
                </c:pt>
                <c:pt idx="264">
                  <c:v>0.57344911445179403</c:v>
                </c:pt>
                <c:pt idx="265">
                  <c:v>0.575669506898695</c:v>
                </c:pt>
                <c:pt idx="266">
                  <c:v>0.56979017967955703</c:v>
                </c:pt>
                <c:pt idx="267">
                  <c:v>0.56974325994643404</c:v>
                </c:pt>
                <c:pt idx="268">
                  <c:v>0.56764312006809803</c:v>
                </c:pt>
                <c:pt idx="269">
                  <c:v>0.56764312006140905</c:v>
                </c:pt>
                <c:pt idx="270">
                  <c:v>0.56764312005470197</c:v>
                </c:pt>
                <c:pt idx="271">
                  <c:v>0.57887439844116895</c:v>
                </c:pt>
                <c:pt idx="272">
                  <c:v>0.56679783915640902</c:v>
                </c:pt>
                <c:pt idx="273">
                  <c:v>0.59195974292275799</c:v>
                </c:pt>
                <c:pt idx="274">
                  <c:v>0.58547753542359005</c:v>
                </c:pt>
                <c:pt idx="275">
                  <c:v>0.59314560517821102</c:v>
                </c:pt>
                <c:pt idx="276">
                  <c:v>0.593145605175183</c:v>
                </c:pt>
                <c:pt idx="277">
                  <c:v>0.59314560517215098</c:v>
                </c:pt>
                <c:pt idx="278">
                  <c:v>0.66716033919805096</c:v>
                </c:pt>
                <c:pt idx="279">
                  <c:v>0.647951800077046</c:v>
                </c:pt>
                <c:pt idx="280">
                  <c:v>0.68380054822621095</c:v>
                </c:pt>
                <c:pt idx="281">
                  <c:v>0.66961317304893297</c:v>
                </c:pt>
                <c:pt idx="282">
                  <c:v>0.67808685359364196</c:v>
                </c:pt>
                <c:pt idx="283">
                  <c:v>0.67808685358731602</c:v>
                </c:pt>
                <c:pt idx="284">
                  <c:v>0.67808685358102305</c:v>
                </c:pt>
                <c:pt idx="285">
                  <c:v>0.678087018833612</c:v>
                </c:pt>
                <c:pt idx="286">
                  <c:v>0.63821241008204799</c:v>
                </c:pt>
                <c:pt idx="287">
                  <c:v>0.63123126714436295</c:v>
                </c:pt>
                <c:pt idx="288">
                  <c:v>0.643200232673104</c:v>
                </c:pt>
                <c:pt idx="289">
                  <c:v>0.64668286079661097</c:v>
                </c:pt>
                <c:pt idx="290">
                  <c:v>0.646682860790734</c:v>
                </c:pt>
                <c:pt idx="291">
                  <c:v>0.64668286078486703</c:v>
                </c:pt>
                <c:pt idx="292">
                  <c:v>0.66839089235235805</c:v>
                </c:pt>
                <c:pt idx="293">
                  <c:v>0.69829588943821896</c:v>
                </c:pt>
                <c:pt idx="294">
                  <c:v>0.71623921217189901</c:v>
                </c:pt>
                <c:pt idx="295">
                  <c:v>0.76081559602485005</c:v>
                </c:pt>
                <c:pt idx="296">
                  <c:v>0.74287570350272703</c:v>
                </c:pt>
                <c:pt idx="297">
                  <c:v>0.74287570350226495</c:v>
                </c:pt>
                <c:pt idx="298">
                  <c:v>0.74287570350180898</c:v>
                </c:pt>
                <c:pt idx="299">
                  <c:v>0.70687265657267195</c:v>
                </c:pt>
                <c:pt idx="300">
                  <c:v>0.67716164324069394</c:v>
                </c:pt>
                <c:pt idx="301">
                  <c:v>0.68016063145676098</c:v>
                </c:pt>
                <c:pt idx="302">
                  <c:v>0.73073274417326095</c:v>
                </c:pt>
                <c:pt idx="303">
                  <c:v>0.77059911480469501</c:v>
                </c:pt>
                <c:pt idx="304">
                  <c:v>0.77059911480349097</c:v>
                </c:pt>
                <c:pt idx="305">
                  <c:v>0.77059911480227605</c:v>
                </c:pt>
                <c:pt idx="306">
                  <c:v>0.74070046696615099</c:v>
                </c:pt>
                <c:pt idx="307">
                  <c:v>0.76860351106946001</c:v>
                </c:pt>
                <c:pt idx="308">
                  <c:v>0.67087995446738202</c:v>
                </c:pt>
                <c:pt idx="309">
                  <c:v>0.674864769504811</c:v>
                </c:pt>
                <c:pt idx="310">
                  <c:v>0.71999063586794798</c:v>
                </c:pt>
                <c:pt idx="311">
                  <c:v>0.71999063586637502</c:v>
                </c:pt>
                <c:pt idx="312">
                  <c:v>0.71999063586476497</c:v>
                </c:pt>
                <c:pt idx="313">
                  <c:v>0.81289239987441897</c:v>
                </c:pt>
                <c:pt idx="314">
                  <c:v>0.84604058223640399</c:v>
                </c:pt>
                <c:pt idx="315">
                  <c:v>0.846040155128294</c:v>
                </c:pt>
                <c:pt idx="316">
                  <c:v>0.75238213961823097</c:v>
                </c:pt>
                <c:pt idx="317">
                  <c:v>0.76656086395572998</c:v>
                </c:pt>
                <c:pt idx="318">
                  <c:v>0.76656086395634204</c:v>
                </c:pt>
                <c:pt idx="319">
                  <c:v>0.76656086395695999</c:v>
                </c:pt>
                <c:pt idx="320">
                  <c:v>0.78300323648250802</c:v>
                </c:pt>
                <c:pt idx="321">
                  <c:v>0.745134050474064</c:v>
                </c:pt>
                <c:pt idx="322">
                  <c:v>0.75192456712497002</c:v>
                </c:pt>
                <c:pt idx="323">
                  <c:v>0.73402754273396797</c:v>
                </c:pt>
                <c:pt idx="324">
                  <c:v>0.70761241886702397</c:v>
                </c:pt>
                <c:pt idx="325">
                  <c:v>0.70761241886789294</c:v>
                </c:pt>
                <c:pt idx="326">
                  <c:v>0.70761241886876403</c:v>
                </c:pt>
                <c:pt idx="327">
                  <c:v>0.73529217841477601</c:v>
                </c:pt>
                <c:pt idx="328">
                  <c:v>0.76265489906227601</c:v>
                </c:pt>
                <c:pt idx="329">
                  <c:v>0.76265642998249605</c:v>
                </c:pt>
                <c:pt idx="330">
                  <c:v>0.76244103768398097</c:v>
                </c:pt>
                <c:pt idx="331">
                  <c:v>0.72278832008818505</c:v>
                </c:pt>
                <c:pt idx="332">
                  <c:v>0.72278832008514404</c:v>
                </c:pt>
                <c:pt idx="333">
                  <c:v>0.722788320082143</c:v>
                </c:pt>
                <c:pt idx="334">
                  <c:v>0.75678287935477295</c:v>
                </c:pt>
                <c:pt idx="335">
                  <c:v>0.81692630957995305</c:v>
                </c:pt>
                <c:pt idx="336">
                  <c:v>0.83595825334909202</c:v>
                </c:pt>
                <c:pt idx="337">
                  <c:v>0.80330136275956998</c:v>
                </c:pt>
                <c:pt idx="338">
                  <c:v>0.86363465335599598</c:v>
                </c:pt>
                <c:pt idx="339">
                  <c:v>0.863634653355418</c:v>
                </c:pt>
                <c:pt idx="340">
                  <c:v>0.86363465335478795</c:v>
                </c:pt>
                <c:pt idx="341">
                  <c:v>0.82351505720697704</c:v>
                </c:pt>
                <c:pt idx="342">
                  <c:v>0.81834590986103295</c:v>
                </c:pt>
                <c:pt idx="343">
                  <c:v>0.83532239058936797</c:v>
                </c:pt>
                <c:pt idx="344">
                  <c:v>0.80424611501590604</c:v>
                </c:pt>
                <c:pt idx="345">
                  <c:v>0.77960087338551898</c:v>
                </c:pt>
                <c:pt idx="346">
                  <c:v>0.77960087338427997</c:v>
                </c:pt>
                <c:pt idx="347">
                  <c:v>0.77960087338302697</c:v>
                </c:pt>
                <c:pt idx="348">
                  <c:v>0.79803289816783496</c:v>
                </c:pt>
                <c:pt idx="349">
                  <c:v>0.81202666297959103</c:v>
                </c:pt>
                <c:pt idx="350">
                  <c:v>0.819186226691483</c:v>
                </c:pt>
                <c:pt idx="351">
                  <c:v>0.83141224663949298</c:v>
                </c:pt>
                <c:pt idx="352">
                  <c:v>0.84463382555914601</c:v>
                </c:pt>
                <c:pt idx="353">
                  <c:v>0.84463382555946098</c:v>
                </c:pt>
                <c:pt idx="354">
                  <c:v>0.84463382555979405</c:v>
                </c:pt>
                <c:pt idx="355">
                  <c:v>0.83467350824916897</c:v>
                </c:pt>
                <c:pt idx="356">
                  <c:v>0.82348739282144701</c:v>
                </c:pt>
                <c:pt idx="357">
                  <c:v>0.84851214469931602</c:v>
                </c:pt>
                <c:pt idx="358">
                  <c:v>0.83545667025855996</c:v>
                </c:pt>
                <c:pt idx="359">
                  <c:v>0.83545667025715897</c:v>
                </c:pt>
                <c:pt idx="360">
                  <c:v>0.83545667025577697</c:v>
                </c:pt>
                <c:pt idx="361">
                  <c:v>0.83545667025437897</c:v>
                </c:pt>
                <c:pt idx="362">
                  <c:v>0.84093584733814797</c:v>
                </c:pt>
                <c:pt idx="363">
                  <c:v>0.84004458148532002</c:v>
                </c:pt>
                <c:pt idx="364">
                  <c:v>0.83064423503836005</c:v>
                </c:pt>
                <c:pt idx="365">
                  <c:v>0.81968902273432398</c:v>
                </c:pt>
                <c:pt idx="366">
                  <c:v>0.81968902273248501</c:v>
                </c:pt>
                <c:pt idx="367">
                  <c:v>0.81968902273060695</c:v>
                </c:pt>
                <c:pt idx="368">
                  <c:v>0.81968902272875999</c:v>
                </c:pt>
                <c:pt idx="369">
                  <c:v>0.81244366800287204</c:v>
                </c:pt>
                <c:pt idx="370">
                  <c:v>0.83608114751964602</c:v>
                </c:pt>
                <c:pt idx="371">
                  <c:v>0.90775780939161799</c:v>
                </c:pt>
                <c:pt idx="372">
                  <c:v>0.96356614264682705</c:v>
                </c:pt>
                <c:pt idx="373">
                  <c:v>1.0120827500967899</c:v>
                </c:pt>
                <c:pt idx="374">
                  <c:v>1.0120827500978899</c:v>
                </c:pt>
                <c:pt idx="375">
                  <c:v>1.01208275009898</c:v>
                </c:pt>
                <c:pt idx="376">
                  <c:v>1.0285091555714101</c:v>
                </c:pt>
                <c:pt idx="377">
                  <c:v>1.0327177601100701</c:v>
                </c:pt>
                <c:pt idx="378">
                  <c:v>0.99041146457902796</c:v>
                </c:pt>
                <c:pt idx="379">
                  <c:v>1.0225470317223899</c:v>
                </c:pt>
                <c:pt idx="380">
                  <c:v>0.98919293346787596</c:v>
                </c:pt>
                <c:pt idx="381">
                  <c:v>0.98919293346520598</c:v>
                </c:pt>
                <c:pt idx="382">
                  <c:v>0.98919293346253401</c:v>
                </c:pt>
                <c:pt idx="383">
                  <c:v>0.98919343515428904</c:v>
                </c:pt>
                <c:pt idx="384">
                  <c:v>0.97996878237386698</c:v>
                </c:pt>
                <c:pt idx="385">
                  <c:v>0.97472214014436098</c:v>
                </c:pt>
                <c:pt idx="386">
                  <c:v>1.00381676355991</c:v>
                </c:pt>
                <c:pt idx="387">
                  <c:v>0.99635187411141402</c:v>
                </c:pt>
                <c:pt idx="388">
                  <c:v>0.99635187410973902</c:v>
                </c:pt>
                <c:pt idx="389">
                  <c:v>0.99635187410808901</c:v>
                </c:pt>
                <c:pt idx="390">
                  <c:v>0.94797448291725395</c:v>
                </c:pt>
                <c:pt idx="391">
                  <c:v>0.94916297639033798</c:v>
                </c:pt>
                <c:pt idx="392">
                  <c:v>0.93747021166432598</c:v>
                </c:pt>
                <c:pt idx="393">
                  <c:v>0.97307286366301304</c:v>
                </c:pt>
                <c:pt idx="394">
                  <c:v>1.0032101953079899</c:v>
                </c:pt>
                <c:pt idx="395">
                  <c:v>1.00321019530679</c:v>
                </c:pt>
                <c:pt idx="396">
                  <c:v>1.00321019530566</c:v>
                </c:pt>
                <c:pt idx="397">
                  <c:v>0.99574414948219703</c:v>
                </c:pt>
                <c:pt idx="398">
                  <c:v>1.0370996661018399</c:v>
                </c:pt>
                <c:pt idx="399">
                  <c:v>1.07614465123159</c:v>
                </c:pt>
                <c:pt idx="400">
                  <c:v>1.09305487535081</c:v>
                </c:pt>
                <c:pt idx="401">
                  <c:v>1.1311411865572201</c:v>
                </c:pt>
                <c:pt idx="402">
                  <c:v>1.1311411865609</c:v>
                </c:pt>
                <c:pt idx="403">
                  <c:v>1.13114118656459</c:v>
                </c:pt>
                <c:pt idx="404">
                  <c:v>1.1309120750030399</c:v>
                </c:pt>
                <c:pt idx="405">
                  <c:v>1.11625979784157</c:v>
                </c:pt>
                <c:pt idx="406">
                  <c:v>1.0911585759398601</c:v>
                </c:pt>
                <c:pt idx="407">
                  <c:v>1.1163046227745399</c:v>
                </c:pt>
                <c:pt idx="408">
                  <c:v>1.1677667501487801</c:v>
                </c:pt>
                <c:pt idx="409">
                  <c:v>1.1677667501512301</c:v>
                </c:pt>
                <c:pt idx="410">
                  <c:v>1.16776675015363</c:v>
                </c:pt>
                <c:pt idx="411">
                  <c:v>1.16776749316161</c:v>
                </c:pt>
                <c:pt idx="412">
                  <c:v>1.2796629619220501</c:v>
                </c:pt>
                <c:pt idx="413">
                  <c:v>1.2453462582538899</c:v>
                </c:pt>
                <c:pt idx="414">
                  <c:v>1.25108575731094</c:v>
                </c:pt>
                <c:pt idx="415">
                  <c:v>1.31196157213528</c:v>
                </c:pt>
                <c:pt idx="416">
                  <c:v>1.3119615721382401</c:v>
                </c:pt>
                <c:pt idx="417">
                  <c:v>1.3119615721411999</c:v>
                </c:pt>
                <c:pt idx="418">
                  <c:v>1.3375931925759399</c:v>
                </c:pt>
                <c:pt idx="419">
                  <c:v>1.32661178168871</c:v>
                </c:pt>
                <c:pt idx="420">
                  <c:v>1.3161363521481599</c:v>
                </c:pt>
                <c:pt idx="421">
                  <c:v>1.45831518495868</c:v>
                </c:pt>
                <c:pt idx="422">
                  <c:v>1.3440185341501201</c:v>
                </c:pt>
                <c:pt idx="423">
                  <c:v>1.3440185341553199</c:v>
                </c:pt>
                <c:pt idx="424">
                  <c:v>1.34401853416051</c:v>
                </c:pt>
                <c:pt idx="425">
                  <c:v>1.3943032677032801</c:v>
                </c:pt>
                <c:pt idx="426">
                  <c:v>1.3608295420713199</c:v>
                </c:pt>
                <c:pt idx="427">
                  <c:v>1.4229054623477799</c:v>
                </c:pt>
                <c:pt idx="428">
                  <c:v>1.49191071287282</c:v>
                </c:pt>
                <c:pt idx="429">
                  <c:v>1.48702940627451</c:v>
                </c:pt>
                <c:pt idx="430">
                  <c:v>1.48702940627198</c:v>
                </c:pt>
                <c:pt idx="431">
                  <c:v>1.48702940626943</c:v>
                </c:pt>
                <c:pt idx="432">
                  <c:v>1.5064129879450301</c:v>
                </c:pt>
                <c:pt idx="433">
                  <c:v>1.43835407641642</c:v>
                </c:pt>
                <c:pt idx="434">
                  <c:v>1.4038369892328899</c:v>
                </c:pt>
                <c:pt idx="435">
                  <c:v>1.4289490087365899</c:v>
                </c:pt>
                <c:pt idx="436">
                  <c:v>1.5153475898826401</c:v>
                </c:pt>
                <c:pt idx="437">
                  <c:v>1.51534758988333</c:v>
                </c:pt>
                <c:pt idx="438">
                  <c:v>1.5153475898840501</c:v>
                </c:pt>
                <c:pt idx="439">
                  <c:v>1.49625458129259</c:v>
                </c:pt>
                <c:pt idx="440">
                  <c:v>1.4927850269963201</c:v>
                </c:pt>
                <c:pt idx="441">
                  <c:v>1.52606169062555</c:v>
                </c:pt>
                <c:pt idx="442">
                  <c:v>1.5889076020906401</c:v>
                </c:pt>
                <c:pt idx="443">
                  <c:v>1.61941027253178</c:v>
                </c:pt>
                <c:pt idx="444">
                  <c:v>1.6194102725350401</c:v>
                </c:pt>
                <c:pt idx="445">
                  <c:v>1.61941027253823</c:v>
                </c:pt>
                <c:pt idx="446">
                  <c:v>1.57323524854282</c:v>
                </c:pt>
                <c:pt idx="447">
                  <c:v>1.50988584064892</c:v>
                </c:pt>
                <c:pt idx="448">
                  <c:v>1.50591585936718</c:v>
                </c:pt>
                <c:pt idx="449">
                  <c:v>1.5284562330025799</c:v>
                </c:pt>
                <c:pt idx="450">
                  <c:v>1.5695421167744099</c:v>
                </c:pt>
                <c:pt idx="451">
                  <c:v>1.56954211677706</c:v>
                </c:pt>
                <c:pt idx="452">
                  <c:v>1.5695421167796999</c:v>
                </c:pt>
                <c:pt idx="453">
                  <c:v>1.6018798688963301</c:v>
                </c:pt>
                <c:pt idx="454">
                  <c:v>1.62106791522288</c:v>
                </c:pt>
                <c:pt idx="455">
                  <c:v>1.6461124019667099</c:v>
                </c:pt>
                <c:pt idx="456">
                  <c:v>1.5900147442263599</c:v>
                </c:pt>
                <c:pt idx="457">
                  <c:v>1.63194374007763</c:v>
                </c:pt>
                <c:pt idx="458">
                  <c:v>1.63194374009343</c:v>
                </c:pt>
                <c:pt idx="459">
                  <c:v>1.6319437401091801</c:v>
                </c:pt>
                <c:pt idx="460">
                  <c:v>1.62152515245619</c:v>
                </c:pt>
                <c:pt idx="461">
                  <c:v>1.5609492645835099</c:v>
                </c:pt>
                <c:pt idx="462">
                  <c:v>1.57633359682508</c:v>
                </c:pt>
                <c:pt idx="463">
                  <c:v>1.5241842369871501</c:v>
                </c:pt>
                <c:pt idx="464">
                  <c:v>1.5601655161174699</c:v>
                </c:pt>
                <c:pt idx="465">
                  <c:v>1.56016551611953</c:v>
                </c:pt>
                <c:pt idx="466">
                  <c:v>1.56016551612157</c:v>
                </c:pt>
                <c:pt idx="467">
                  <c:v>1.56016244253421</c:v>
                </c:pt>
                <c:pt idx="468">
                  <c:v>1.4988471512317401</c:v>
                </c:pt>
                <c:pt idx="469">
                  <c:v>1.5008190046321399</c:v>
                </c:pt>
                <c:pt idx="470">
                  <c:v>1.4103924088773601</c:v>
                </c:pt>
                <c:pt idx="471">
                  <c:v>1.44594597896417</c:v>
                </c:pt>
                <c:pt idx="472">
                  <c:v>1.4459459789683899</c:v>
                </c:pt>
                <c:pt idx="473">
                  <c:v>1.4459459789725999</c:v>
                </c:pt>
                <c:pt idx="474">
                  <c:v>1.4568749024724501</c:v>
                </c:pt>
                <c:pt idx="475">
                  <c:v>1.4265667777408799</c:v>
                </c:pt>
                <c:pt idx="476">
                  <c:v>1.42358774812014</c:v>
                </c:pt>
                <c:pt idx="477">
                  <c:v>1.41712459731608</c:v>
                </c:pt>
                <c:pt idx="478">
                  <c:v>1.43054622212505</c:v>
                </c:pt>
                <c:pt idx="479">
                  <c:v>1.43054622213345</c:v>
                </c:pt>
                <c:pt idx="480">
                  <c:v>1.4305462221417899</c:v>
                </c:pt>
                <c:pt idx="481">
                  <c:v>1.43520412794892</c:v>
                </c:pt>
                <c:pt idx="482">
                  <c:v>1.4894787655610799</c:v>
                </c:pt>
                <c:pt idx="483">
                  <c:v>1.48613871228031</c:v>
                </c:pt>
                <c:pt idx="484">
                  <c:v>1.5095384432549099</c:v>
                </c:pt>
                <c:pt idx="485">
                  <c:v>1.50059554281661</c:v>
                </c:pt>
                <c:pt idx="486">
                  <c:v>1.5005955428250199</c:v>
                </c:pt>
                <c:pt idx="487">
                  <c:v>1.5005955428333799</c:v>
                </c:pt>
                <c:pt idx="488">
                  <c:v>1.47625451112476</c:v>
                </c:pt>
                <c:pt idx="489">
                  <c:v>1.45837546122994</c:v>
                </c:pt>
                <c:pt idx="490">
                  <c:v>1.44396648023039</c:v>
                </c:pt>
                <c:pt idx="491">
                  <c:v>1.43004888994548</c:v>
                </c:pt>
                <c:pt idx="492">
                  <c:v>1.4265661966238801</c:v>
                </c:pt>
                <c:pt idx="493">
                  <c:v>1.4265661966281</c:v>
                </c:pt>
                <c:pt idx="494">
                  <c:v>1.42656619663233</c:v>
                </c:pt>
                <c:pt idx="495">
                  <c:v>1.44793318891362</c:v>
                </c:pt>
                <c:pt idx="496">
                  <c:v>1.4692945259710899</c:v>
                </c:pt>
                <c:pt idx="497">
                  <c:v>1.5341409770665799</c:v>
                </c:pt>
                <c:pt idx="498">
                  <c:v>1.4760228886457001</c:v>
                </c:pt>
                <c:pt idx="499">
                  <c:v>1.47254679718742</c:v>
                </c:pt>
                <c:pt idx="500">
                  <c:v>1.47254679719856</c:v>
                </c:pt>
                <c:pt idx="501">
                  <c:v>1.47254679720967</c:v>
                </c:pt>
                <c:pt idx="502">
                  <c:v>1.46956572132132</c:v>
                </c:pt>
                <c:pt idx="503">
                  <c:v>1.48198349205465</c:v>
                </c:pt>
                <c:pt idx="504">
                  <c:v>1.51602888452922</c:v>
                </c:pt>
                <c:pt idx="505">
                  <c:v>1.47926832925186</c:v>
                </c:pt>
                <c:pt idx="506">
                  <c:v>1.47132513318297</c:v>
                </c:pt>
                <c:pt idx="507">
                  <c:v>1.47132513319465</c:v>
                </c:pt>
                <c:pt idx="508">
                  <c:v>1.4713251332063499</c:v>
                </c:pt>
                <c:pt idx="509">
                  <c:v>1.45244188327632</c:v>
                </c:pt>
                <c:pt idx="510">
                  <c:v>1.3948031163834</c:v>
                </c:pt>
                <c:pt idx="511">
                  <c:v>1.41441459421266</c:v>
                </c:pt>
                <c:pt idx="512">
                  <c:v>1.44303157628348</c:v>
                </c:pt>
                <c:pt idx="513">
                  <c:v>1.4296229298349401</c:v>
                </c:pt>
                <c:pt idx="514">
                  <c:v>1.42962292984782</c:v>
                </c:pt>
                <c:pt idx="515">
                  <c:v>1.42962292986064</c:v>
                </c:pt>
                <c:pt idx="516">
                  <c:v>1.4296229298734</c:v>
                </c:pt>
                <c:pt idx="517">
                  <c:v>1.46616707395379</c:v>
                </c:pt>
                <c:pt idx="518">
                  <c:v>1.4430377815425901</c:v>
                </c:pt>
                <c:pt idx="519">
                  <c:v>1.4768190997556401</c:v>
                </c:pt>
                <c:pt idx="520">
                  <c:v>1.4082592785408701</c:v>
                </c:pt>
                <c:pt idx="521">
                  <c:v>1.40825927854397</c:v>
                </c:pt>
                <c:pt idx="522">
                  <c:v>1.40825927854711</c:v>
                </c:pt>
                <c:pt idx="523">
                  <c:v>1.4169300460131</c:v>
                </c:pt>
                <c:pt idx="524">
                  <c:v>1.3791633032689199</c:v>
                </c:pt>
                <c:pt idx="525">
                  <c:v>1.3394029606933999</c:v>
                </c:pt>
                <c:pt idx="526">
                  <c:v>1.29742298872796</c:v>
                </c:pt>
                <c:pt idx="527">
                  <c:v>1.3143264527296501</c:v>
                </c:pt>
                <c:pt idx="528">
                  <c:v>1.31432645273449</c:v>
                </c:pt>
                <c:pt idx="529">
                  <c:v>1.3143264527392899</c:v>
                </c:pt>
                <c:pt idx="530">
                  <c:v>1.3508873699782</c:v>
                </c:pt>
                <c:pt idx="531">
                  <c:v>1.3479101283278301</c:v>
                </c:pt>
                <c:pt idx="532">
                  <c:v>1.4299080252526299</c:v>
                </c:pt>
                <c:pt idx="533">
                  <c:v>1.36530480567632</c:v>
                </c:pt>
                <c:pt idx="534">
                  <c:v>1.28203261848661</c:v>
                </c:pt>
                <c:pt idx="535">
                  <c:v>1.28203261852101</c:v>
                </c:pt>
                <c:pt idx="536">
                  <c:v>1.28203261855526</c:v>
                </c:pt>
                <c:pt idx="537">
                  <c:v>1.32800280572572</c:v>
                </c:pt>
                <c:pt idx="538">
                  <c:v>1.31259063589595</c:v>
                </c:pt>
                <c:pt idx="539">
                  <c:v>1.3419249393081201</c:v>
                </c:pt>
                <c:pt idx="540">
                  <c:v>1.33642070454951</c:v>
                </c:pt>
                <c:pt idx="541">
                  <c:v>1.3596232866293101</c:v>
                </c:pt>
                <c:pt idx="542">
                  <c:v>1.35962328667142</c:v>
                </c:pt>
                <c:pt idx="543">
                  <c:v>1.35962328671338</c:v>
                </c:pt>
                <c:pt idx="544">
                  <c:v>1.32590427392498</c:v>
                </c:pt>
                <c:pt idx="545">
                  <c:v>1.32772975476419</c:v>
                </c:pt>
                <c:pt idx="546">
                  <c:v>1.30536083599557</c:v>
                </c:pt>
                <c:pt idx="547">
                  <c:v>1.3217172780655599</c:v>
                </c:pt>
                <c:pt idx="548">
                  <c:v>1.2839833799734699</c:v>
                </c:pt>
                <c:pt idx="549">
                  <c:v>1.2839833800115901</c:v>
                </c:pt>
                <c:pt idx="550">
                  <c:v>1.2839833800496101</c:v>
                </c:pt>
                <c:pt idx="551">
                  <c:v>1.2839838493897699</c:v>
                </c:pt>
                <c:pt idx="552">
                  <c:v>1.21310087331046</c:v>
                </c:pt>
                <c:pt idx="553">
                  <c:v>1.1748025414579799</c:v>
                </c:pt>
                <c:pt idx="554">
                  <c:v>1.1556688191367801</c:v>
                </c:pt>
                <c:pt idx="555">
                  <c:v>1.2352469771371299</c:v>
                </c:pt>
                <c:pt idx="556">
                  <c:v>1.23524697717101</c:v>
                </c:pt>
                <c:pt idx="557">
                  <c:v>1.2352469772048</c:v>
                </c:pt>
                <c:pt idx="558">
                  <c:v>1.2377375998167499</c:v>
                </c:pt>
                <c:pt idx="559">
                  <c:v>1.2824893836537801</c:v>
                </c:pt>
                <c:pt idx="560">
                  <c:v>1.22580487843886</c:v>
                </c:pt>
                <c:pt idx="561">
                  <c:v>1.1644044846959201</c:v>
                </c:pt>
                <c:pt idx="562">
                  <c:v>1.16463037563122</c:v>
                </c:pt>
                <c:pt idx="563">
                  <c:v>1.1646303756659999</c:v>
                </c:pt>
                <c:pt idx="564">
                  <c:v>1.1646303757006899</c:v>
                </c:pt>
                <c:pt idx="565">
                  <c:v>1.0414661030065799</c:v>
                </c:pt>
                <c:pt idx="566">
                  <c:v>1.0787868283456401</c:v>
                </c:pt>
                <c:pt idx="567">
                  <c:v>1.1715928172938299</c:v>
                </c:pt>
                <c:pt idx="568">
                  <c:v>1.1397559004251701</c:v>
                </c:pt>
                <c:pt idx="569">
                  <c:v>1.16092230523968</c:v>
                </c:pt>
                <c:pt idx="570">
                  <c:v>1.1609223052681701</c:v>
                </c:pt>
                <c:pt idx="571">
                  <c:v>1.16092230529659</c:v>
                </c:pt>
                <c:pt idx="572">
                  <c:v>1.17120624214563</c:v>
                </c:pt>
                <c:pt idx="573">
                  <c:v>1.11373735077845</c:v>
                </c:pt>
                <c:pt idx="574">
                  <c:v>1.1239954610809899</c:v>
                </c:pt>
                <c:pt idx="575">
                  <c:v>1.17356542513977</c:v>
                </c:pt>
                <c:pt idx="576">
                  <c:v>1.1317821475565399</c:v>
                </c:pt>
                <c:pt idx="577">
                  <c:v>1.1317821475771701</c:v>
                </c:pt>
                <c:pt idx="578">
                  <c:v>1.1317821475977501</c:v>
                </c:pt>
                <c:pt idx="579">
                  <c:v>1.08302456608327</c:v>
                </c:pt>
                <c:pt idx="580">
                  <c:v>1.07257566544675</c:v>
                </c:pt>
                <c:pt idx="581">
                  <c:v>1.07506247020449</c:v>
                </c:pt>
                <c:pt idx="582">
                  <c:v>1.12183091707176</c:v>
                </c:pt>
                <c:pt idx="583">
                  <c:v>1.20340357862604</c:v>
                </c:pt>
                <c:pt idx="584">
                  <c:v>1.2034035786584201</c:v>
                </c:pt>
                <c:pt idx="585">
                  <c:v>1.20340357869071</c:v>
                </c:pt>
                <c:pt idx="586">
                  <c:v>1.2170575961889201</c:v>
                </c:pt>
                <c:pt idx="587">
                  <c:v>1.2352321801246899</c:v>
                </c:pt>
                <c:pt idx="588">
                  <c:v>1.2185482831994101</c:v>
                </c:pt>
                <c:pt idx="589">
                  <c:v>1.23843674412967</c:v>
                </c:pt>
                <c:pt idx="590">
                  <c:v>1.16732180331573</c:v>
                </c:pt>
                <c:pt idx="591">
                  <c:v>1.16732180335188</c:v>
                </c:pt>
                <c:pt idx="592">
                  <c:v>1.16732180338792</c:v>
                </c:pt>
                <c:pt idx="593">
                  <c:v>1.1399638894711199</c:v>
                </c:pt>
                <c:pt idx="594">
                  <c:v>1.15317093788439</c:v>
                </c:pt>
                <c:pt idx="595">
                  <c:v>1.1641161487349201</c:v>
                </c:pt>
                <c:pt idx="596">
                  <c:v>1.13178117290368</c:v>
                </c:pt>
                <c:pt idx="597">
                  <c:v>1.14372172932887</c:v>
                </c:pt>
                <c:pt idx="598">
                  <c:v>1.1437217293622299</c:v>
                </c:pt>
                <c:pt idx="599">
                  <c:v>1.1437217293955</c:v>
                </c:pt>
                <c:pt idx="600">
                  <c:v>1.1369824460245299</c:v>
                </c:pt>
                <c:pt idx="601">
                  <c:v>1.1770002766280601</c:v>
                </c:pt>
                <c:pt idx="602">
                  <c:v>1.23419049698989</c:v>
                </c:pt>
                <c:pt idx="603">
                  <c:v>1.22413616403487</c:v>
                </c:pt>
                <c:pt idx="604">
                  <c:v>1.19693155651367</c:v>
                </c:pt>
                <c:pt idx="605">
                  <c:v>1.1969315565363401</c:v>
                </c:pt>
                <c:pt idx="606">
                  <c:v>1.19693155655893</c:v>
                </c:pt>
                <c:pt idx="607">
                  <c:v>1.17256082972066</c:v>
                </c:pt>
                <c:pt idx="608">
                  <c:v>1.1982039270138001</c:v>
                </c:pt>
                <c:pt idx="609">
                  <c:v>1.1952212020075199</c:v>
                </c:pt>
                <c:pt idx="610">
                  <c:v>1.1793049672734499</c:v>
                </c:pt>
                <c:pt idx="611">
                  <c:v>1.21611197508863</c:v>
                </c:pt>
                <c:pt idx="612">
                  <c:v>1.2161119751182199</c:v>
                </c:pt>
                <c:pt idx="613">
                  <c:v>1.2161119751476801</c:v>
                </c:pt>
                <c:pt idx="614">
                  <c:v>1.21611232498231</c:v>
                </c:pt>
                <c:pt idx="615">
                  <c:v>1.26335365654923</c:v>
                </c:pt>
                <c:pt idx="616">
                  <c:v>1.24075332040568</c:v>
                </c:pt>
                <c:pt idx="617">
                  <c:v>1.2044479836611699</c:v>
                </c:pt>
                <c:pt idx="618">
                  <c:v>1.2482141989937201</c:v>
                </c:pt>
                <c:pt idx="619">
                  <c:v>1.24821419902641</c:v>
                </c:pt>
                <c:pt idx="620">
                  <c:v>1.2482141990590301</c:v>
                </c:pt>
                <c:pt idx="621">
                  <c:v>1.2258489066156899</c:v>
                </c:pt>
                <c:pt idx="622">
                  <c:v>1.18058965380416</c:v>
                </c:pt>
                <c:pt idx="623">
                  <c:v>1.2099329262827401</c:v>
                </c:pt>
                <c:pt idx="624">
                  <c:v>1.2517045131401101</c:v>
                </c:pt>
                <c:pt idx="625">
                  <c:v>1.2897673448876601</c:v>
                </c:pt>
                <c:pt idx="626">
                  <c:v>1.28976734492226</c:v>
                </c:pt>
                <c:pt idx="627">
                  <c:v>1.2897673449567699</c:v>
                </c:pt>
                <c:pt idx="628">
                  <c:v>1.21965701147002</c:v>
                </c:pt>
                <c:pt idx="629">
                  <c:v>1.2208767489738801</c:v>
                </c:pt>
                <c:pt idx="630">
                  <c:v>1.2074519295650501</c:v>
                </c:pt>
                <c:pt idx="631">
                  <c:v>1.3203238511755799</c:v>
                </c:pt>
                <c:pt idx="632">
                  <c:v>1.36071382014577</c:v>
                </c:pt>
                <c:pt idx="633">
                  <c:v>1.3607138202099101</c:v>
                </c:pt>
                <c:pt idx="634">
                  <c:v>1.36071382027385</c:v>
                </c:pt>
                <c:pt idx="635">
                  <c:v>1.3904136973115699</c:v>
                </c:pt>
                <c:pt idx="636">
                  <c:v>1.4440271826981499</c:v>
                </c:pt>
                <c:pt idx="637">
                  <c:v>1.4194628054834</c:v>
                </c:pt>
                <c:pt idx="638">
                  <c:v>1.40549511062107</c:v>
                </c:pt>
                <c:pt idx="639">
                  <c:v>1.35977794262007</c:v>
                </c:pt>
                <c:pt idx="640">
                  <c:v>1.3597779426652501</c:v>
                </c:pt>
                <c:pt idx="641">
                  <c:v>1.3597779427103101</c:v>
                </c:pt>
                <c:pt idx="642">
                  <c:v>1.3692166255727201</c:v>
                </c:pt>
                <c:pt idx="643">
                  <c:v>1.4084713894902701</c:v>
                </c:pt>
                <c:pt idx="644">
                  <c:v>1.4000199655180301</c:v>
                </c:pt>
                <c:pt idx="645">
                  <c:v>1.4616292044205601</c:v>
                </c:pt>
                <c:pt idx="646">
                  <c:v>1.4978947521796999</c:v>
                </c:pt>
                <c:pt idx="647">
                  <c:v>1.4978947522347701</c:v>
                </c:pt>
                <c:pt idx="648">
                  <c:v>1.4978947522897299</c:v>
                </c:pt>
                <c:pt idx="649">
                  <c:v>1.49789535414526</c:v>
                </c:pt>
                <c:pt idx="650">
                  <c:v>1.4586593483094299</c:v>
                </c:pt>
                <c:pt idx="651">
                  <c:v>1.42239793489105</c:v>
                </c:pt>
                <c:pt idx="652">
                  <c:v>1.40179746809641</c:v>
                </c:pt>
                <c:pt idx="653">
                  <c:v>1.44773744608015</c:v>
                </c:pt>
                <c:pt idx="654">
                  <c:v>1.44773744620814</c:v>
                </c:pt>
                <c:pt idx="655">
                  <c:v>1.44773744633577</c:v>
                </c:pt>
                <c:pt idx="656">
                  <c:v>1.4616504084250299</c:v>
                </c:pt>
                <c:pt idx="657">
                  <c:v>1.51628750508855</c:v>
                </c:pt>
                <c:pt idx="658">
                  <c:v>1.5299730094478501</c:v>
                </c:pt>
                <c:pt idx="659">
                  <c:v>1.5627466822123699</c:v>
                </c:pt>
                <c:pt idx="660">
                  <c:v>1.53097162904497</c:v>
                </c:pt>
                <c:pt idx="661">
                  <c:v>1.53097162929807</c:v>
                </c:pt>
                <c:pt idx="662">
                  <c:v>1.53097162955051</c:v>
                </c:pt>
                <c:pt idx="663">
                  <c:v>1.5356651803779799</c:v>
                </c:pt>
                <c:pt idx="664">
                  <c:v>1.5181391294872399</c:v>
                </c:pt>
                <c:pt idx="665">
                  <c:v>1.4364278088578499</c:v>
                </c:pt>
                <c:pt idx="666">
                  <c:v>1.4435417475671199</c:v>
                </c:pt>
                <c:pt idx="667">
                  <c:v>1.44608363527738</c:v>
                </c:pt>
                <c:pt idx="668">
                  <c:v>1.44608363565861</c:v>
                </c:pt>
                <c:pt idx="669">
                  <c:v>1.4460836360387199</c:v>
                </c:pt>
                <c:pt idx="670">
                  <c:v>1.45630268723528</c:v>
                </c:pt>
                <c:pt idx="671">
                  <c:v>1.4448220301922099</c:v>
                </c:pt>
                <c:pt idx="672">
                  <c:v>1.4908001125013299</c:v>
                </c:pt>
                <c:pt idx="673">
                  <c:v>1.4306795903466401</c:v>
                </c:pt>
                <c:pt idx="674">
                  <c:v>1.35193295206449</c:v>
                </c:pt>
                <c:pt idx="675">
                  <c:v>1.35193295228956</c:v>
                </c:pt>
                <c:pt idx="676">
                  <c:v>1.35193295251405</c:v>
                </c:pt>
                <c:pt idx="677">
                  <c:v>1.4023553730621501</c:v>
                </c:pt>
                <c:pt idx="678">
                  <c:v>1.3486807146019699</c:v>
                </c:pt>
                <c:pt idx="679">
                  <c:v>1.47093345655847</c:v>
                </c:pt>
                <c:pt idx="680">
                  <c:v>1.47092769058044</c:v>
                </c:pt>
                <c:pt idx="681">
                  <c:v>1.5061990937960199</c:v>
                </c:pt>
                <c:pt idx="682">
                  <c:v>1.5061990942375401</c:v>
                </c:pt>
                <c:pt idx="683">
                  <c:v>1.5061990946778201</c:v>
                </c:pt>
                <c:pt idx="684">
                  <c:v>1.5513979734618799</c:v>
                </c:pt>
                <c:pt idx="685">
                  <c:v>1.55934489642422</c:v>
                </c:pt>
                <c:pt idx="686">
                  <c:v>1.5128807663152599</c:v>
                </c:pt>
                <c:pt idx="687">
                  <c:v>1.4929554693544</c:v>
                </c:pt>
                <c:pt idx="688">
                  <c:v>1.4586812020389801</c:v>
                </c:pt>
                <c:pt idx="689">
                  <c:v>1.4586812023901301</c:v>
                </c:pt>
                <c:pt idx="690">
                  <c:v>1.45868120274027</c:v>
                </c:pt>
                <c:pt idx="691">
                  <c:v>1.55229073209712</c:v>
                </c:pt>
                <c:pt idx="692">
                  <c:v>1.6064178737646799</c:v>
                </c:pt>
                <c:pt idx="693">
                  <c:v>1.55572143176124</c:v>
                </c:pt>
                <c:pt idx="694">
                  <c:v>1.5518232082080901</c:v>
                </c:pt>
                <c:pt idx="695">
                  <c:v>1.39074710296529</c:v>
                </c:pt>
                <c:pt idx="696">
                  <c:v>1.39074710340064</c:v>
                </c:pt>
                <c:pt idx="697">
                  <c:v>1.3907471038346699</c:v>
                </c:pt>
                <c:pt idx="698">
                  <c:v>1.4372166065511001</c:v>
                </c:pt>
                <c:pt idx="699">
                  <c:v>1.3795778659367</c:v>
                </c:pt>
                <c:pt idx="700">
                  <c:v>1.35970061348114</c:v>
                </c:pt>
                <c:pt idx="701">
                  <c:v>1.3756121350411901</c:v>
                </c:pt>
                <c:pt idx="702">
                  <c:v>1.32369793216048</c:v>
                </c:pt>
                <c:pt idx="703">
                  <c:v>1.32369793287921</c:v>
                </c:pt>
                <c:pt idx="704">
                  <c:v>1.3236979335957899</c:v>
                </c:pt>
                <c:pt idx="705">
                  <c:v>1.3912954904611701</c:v>
                </c:pt>
                <c:pt idx="706">
                  <c:v>1.4407674831822199</c:v>
                </c:pt>
                <c:pt idx="707">
                  <c:v>1.46560869049849</c:v>
                </c:pt>
                <c:pt idx="708">
                  <c:v>1.4300539608059899</c:v>
                </c:pt>
                <c:pt idx="709">
                  <c:v>1.4422526720294899</c:v>
                </c:pt>
                <c:pt idx="710">
                  <c:v>1.4422526725812801</c:v>
                </c:pt>
                <c:pt idx="711">
                  <c:v>1.44225267313142</c:v>
                </c:pt>
                <c:pt idx="712">
                  <c:v>1.3759301200557299</c:v>
                </c:pt>
                <c:pt idx="713">
                  <c:v>1.39155999831521</c:v>
                </c:pt>
                <c:pt idx="714">
                  <c:v>1.4061968957645099</c:v>
                </c:pt>
                <c:pt idx="715">
                  <c:v>1.36544627201554</c:v>
                </c:pt>
                <c:pt idx="716">
                  <c:v>1.3343639954870901</c:v>
                </c:pt>
                <c:pt idx="717">
                  <c:v>1.33436399580304</c:v>
                </c:pt>
                <c:pt idx="718">
                  <c:v>1.33436399611783</c:v>
                </c:pt>
                <c:pt idx="719">
                  <c:v>1.36120994657202</c:v>
                </c:pt>
                <c:pt idx="720">
                  <c:v>1.41814844729821</c:v>
                </c:pt>
                <c:pt idx="721">
                  <c:v>1.40870978866028</c:v>
                </c:pt>
                <c:pt idx="722">
                  <c:v>1.43609242078707</c:v>
                </c:pt>
                <c:pt idx="723">
                  <c:v>1.43841969948783</c:v>
                </c:pt>
                <c:pt idx="724">
                  <c:v>1.43841969993534</c:v>
                </c:pt>
                <c:pt idx="725">
                  <c:v>1.43841970038147</c:v>
                </c:pt>
                <c:pt idx="726">
                  <c:v>1.4225216287245499</c:v>
                </c:pt>
                <c:pt idx="727">
                  <c:v>1.4245059007509699</c:v>
                </c:pt>
                <c:pt idx="728">
                  <c:v>1.48001775823121</c:v>
                </c:pt>
                <c:pt idx="729">
                  <c:v>1.4424845024922299</c:v>
                </c:pt>
                <c:pt idx="730">
                  <c:v>1.4419371060929</c:v>
                </c:pt>
                <c:pt idx="731">
                  <c:v>1.44193710650302</c:v>
                </c:pt>
                <c:pt idx="732">
                  <c:v>1.44193710691187</c:v>
                </c:pt>
                <c:pt idx="733">
                  <c:v>1.5586682030777399</c:v>
                </c:pt>
                <c:pt idx="734">
                  <c:v>1.5656230208122399</c:v>
                </c:pt>
                <c:pt idx="735">
                  <c:v>1.6177622093520101</c:v>
                </c:pt>
                <c:pt idx="736">
                  <c:v>1.6540125574817599</c:v>
                </c:pt>
                <c:pt idx="737">
                  <c:v>1.69720338755482</c:v>
                </c:pt>
                <c:pt idx="738">
                  <c:v>1.6972033879486399</c:v>
                </c:pt>
                <c:pt idx="739">
                  <c:v>1.6972033883412201</c:v>
                </c:pt>
                <c:pt idx="740">
                  <c:v>1.7074068813452199</c:v>
                </c:pt>
                <c:pt idx="741">
                  <c:v>1.67961206306886</c:v>
                </c:pt>
                <c:pt idx="742">
                  <c:v>1.6597507966293099</c:v>
                </c:pt>
                <c:pt idx="743">
                  <c:v>1.6235092267214699</c:v>
                </c:pt>
                <c:pt idx="744">
                  <c:v>1.7088895604719501</c:v>
                </c:pt>
                <c:pt idx="745">
                  <c:v>1.70888956090962</c:v>
                </c:pt>
                <c:pt idx="746">
                  <c:v>1.7088895613458199</c:v>
                </c:pt>
                <c:pt idx="747">
                  <c:v>1.70889041727818</c:v>
                </c:pt>
                <c:pt idx="748">
                  <c:v>1.80294964599317</c:v>
                </c:pt>
                <c:pt idx="749">
                  <c:v>1.7632552781905499</c:v>
                </c:pt>
                <c:pt idx="750">
                  <c:v>1.7449474873284401</c:v>
                </c:pt>
                <c:pt idx="751">
                  <c:v>1.68042687598811</c:v>
                </c:pt>
                <c:pt idx="752">
                  <c:v>1.6804268764702399</c:v>
                </c:pt>
                <c:pt idx="753">
                  <c:v>1.68042687695079</c:v>
                </c:pt>
                <c:pt idx="754">
                  <c:v>1.6923362409767999</c:v>
                </c:pt>
                <c:pt idx="755">
                  <c:v>1.70849378391453</c:v>
                </c:pt>
                <c:pt idx="756">
                  <c:v>1.7936254041037401</c:v>
                </c:pt>
                <c:pt idx="757">
                  <c:v>1.72700050930222</c:v>
                </c:pt>
                <c:pt idx="758">
                  <c:v>1.7245487538822599</c:v>
                </c:pt>
                <c:pt idx="759">
                  <c:v>1.7245487545101299</c:v>
                </c:pt>
                <c:pt idx="760">
                  <c:v>1.7245487551357701</c:v>
                </c:pt>
                <c:pt idx="761">
                  <c:v>1.7208497699351299</c:v>
                </c:pt>
                <c:pt idx="762">
                  <c:v>1.73176476173973</c:v>
                </c:pt>
                <c:pt idx="763">
                  <c:v>1.70915805304879</c:v>
                </c:pt>
                <c:pt idx="764">
                  <c:v>1.7567941757942001</c:v>
                </c:pt>
                <c:pt idx="765">
                  <c:v>1.85750057740918</c:v>
                </c:pt>
                <c:pt idx="766">
                  <c:v>1.85750057813561</c:v>
                </c:pt>
                <c:pt idx="767">
                  <c:v>1.85750057885928</c:v>
                </c:pt>
                <c:pt idx="768">
                  <c:v>1.8575059190387799</c:v>
                </c:pt>
                <c:pt idx="769">
                  <c:v>1.8947031572019299</c:v>
                </c:pt>
                <c:pt idx="770">
                  <c:v>1.8820305100485999</c:v>
                </c:pt>
                <c:pt idx="771">
                  <c:v>2.0005861226539201</c:v>
                </c:pt>
                <c:pt idx="772">
                  <c:v>1.8699231219938</c:v>
                </c:pt>
                <c:pt idx="773">
                  <c:v>1.8699231233759399</c:v>
                </c:pt>
                <c:pt idx="774">
                  <c:v>1.8699231247527199</c:v>
                </c:pt>
                <c:pt idx="775">
                  <c:v>1.95272600923673</c:v>
                </c:pt>
                <c:pt idx="776">
                  <c:v>1.9993268256118899</c:v>
                </c:pt>
                <c:pt idx="777">
                  <c:v>1.97107538104234</c:v>
                </c:pt>
                <c:pt idx="778">
                  <c:v>1.9033729051658701</c:v>
                </c:pt>
                <c:pt idx="779">
                  <c:v>1.8646964376650701</c:v>
                </c:pt>
                <c:pt idx="780">
                  <c:v>1.8646964388257601</c:v>
                </c:pt>
                <c:pt idx="781">
                  <c:v>1.86469643998206</c:v>
                </c:pt>
                <c:pt idx="782">
                  <c:v>1.86469741749496</c:v>
                </c:pt>
                <c:pt idx="783">
                  <c:v>1.8721310776373099</c:v>
                </c:pt>
                <c:pt idx="784">
                  <c:v>1.9370874157837901</c:v>
                </c:pt>
                <c:pt idx="785">
                  <c:v>1.9138178409447499</c:v>
                </c:pt>
                <c:pt idx="786">
                  <c:v>1.91878553570927</c:v>
                </c:pt>
                <c:pt idx="787">
                  <c:v>1.91878553668519</c:v>
                </c:pt>
                <c:pt idx="788">
                  <c:v>1.91878553765704</c:v>
                </c:pt>
                <c:pt idx="789">
                  <c:v>1.7830954752944499</c:v>
                </c:pt>
                <c:pt idx="790">
                  <c:v>1.66100207358994</c:v>
                </c:pt>
                <c:pt idx="791">
                  <c:v>1.8565606074616401</c:v>
                </c:pt>
                <c:pt idx="792">
                  <c:v>1.80768762768118</c:v>
                </c:pt>
                <c:pt idx="793">
                  <c:v>1.6861247781036901</c:v>
                </c:pt>
                <c:pt idx="794">
                  <c:v>1.68612477907865</c:v>
                </c:pt>
                <c:pt idx="795">
                  <c:v>1.6861247800481101</c:v>
                </c:pt>
                <c:pt idx="796">
                  <c:v>1.73426548185227</c:v>
                </c:pt>
                <c:pt idx="797">
                  <c:v>1.8063901572198799</c:v>
                </c:pt>
                <c:pt idx="798">
                  <c:v>1.8877167174038401</c:v>
                </c:pt>
                <c:pt idx="799">
                  <c:v>1.93929530753569</c:v>
                </c:pt>
                <c:pt idx="800">
                  <c:v>1.9390177960053401</c:v>
                </c:pt>
                <c:pt idx="801">
                  <c:v>1.93901779798207</c:v>
                </c:pt>
                <c:pt idx="802">
                  <c:v>1.93901779995</c:v>
                </c:pt>
                <c:pt idx="803">
                  <c:v>2.0976945277287</c:v>
                </c:pt>
                <c:pt idx="804">
                  <c:v>2.1073288948264901</c:v>
                </c:pt>
                <c:pt idx="805">
                  <c:v>2.1422942508879799</c:v>
                </c:pt>
                <c:pt idx="806">
                  <c:v>2.1586254261654299</c:v>
                </c:pt>
                <c:pt idx="807">
                  <c:v>2.1209216496555801</c:v>
                </c:pt>
                <c:pt idx="808">
                  <c:v>2.1209216509106299</c:v>
                </c:pt>
                <c:pt idx="809">
                  <c:v>2.1209216521598999</c:v>
                </c:pt>
                <c:pt idx="810">
                  <c:v>2.2707213038204501</c:v>
                </c:pt>
                <c:pt idx="811">
                  <c:v>2.3251892478425402</c:v>
                </c:pt>
                <c:pt idx="812">
                  <c:v>2.2308470542486498</c:v>
                </c:pt>
                <c:pt idx="813">
                  <c:v>2.2980466609988701</c:v>
                </c:pt>
                <c:pt idx="814">
                  <c:v>2.4150534778716501</c:v>
                </c:pt>
                <c:pt idx="815">
                  <c:v>2.4150534788848499</c:v>
                </c:pt>
                <c:pt idx="816">
                  <c:v>2.41505347989064</c:v>
                </c:pt>
                <c:pt idx="817">
                  <c:v>2.3939161501775299</c:v>
                </c:pt>
                <c:pt idx="818">
                  <c:v>2.3130857273158001</c:v>
                </c:pt>
                <c:pt idx="819">
                  <c:v>2.28014688477715</c:v>
                </c:pt>
                <c:pt idx="820">
                  <c:v>2.24892974644668</c:v>
                </c:pt>
                <c:pt idx="821">
                  <c:v>2.3028981834046398</c:v>
                </c:pt>
                <c:pt idx="822">
                  <c:v>2.3028981849473502</c:v>
                </c:pt>
                <c:pt idx="823">
                  <c:v>2.3028981864806202</c:v>
                </c:pt>
                <c:pt idx="824">
                  <c:v>2.3046062867359098</c:v>
                </c:pt>
                <c:pt idx="825">
                  <c:v>2.45534218973985</c:v>
                </c:pt>
                <c:pt idx="826">
                  <c:v>2.4993761775855501</c:v>
                </c:pt>
                <c:pt idx="827">
                  <c:v>2.5334305512664201</c:v>
                </c:pt>
                <c:pt idx="828">
                  <c:v>2.6105846783087299</c:v>
                </c:pt>
                <c:pt idx="829">
                  <c:v>2.61058467981404</c:v>
                </c:pt>
                <c:pt idx="830">
                  <c:v>2.61058468131053</c:v>
                </c:pt>
                <c:pt idx="831">
                  <c:v>2.6891816336357599</c:v>
                </c:pt>
                <c:pt idx="832">
                  <c:v>2.6209648476731902</c:v>
                </c:pt>
                <c:pt idx="833">
                  <c:v>2.6046558196226202</c:v>
                </c:pt>
                <c:pt idx="834">
                  <c:v>2.7277440899950398</c:v>
                </c:pt>
                <c:pt idx="835">
                  <c:v>2.7257671687920402</c:v>
                </c:pt>
                <c:pt idx="836">
                  <c:v>2.7257671703993198</c:v>
                </c:pt>
                <c:pt idx="837">
                  <c:v>2.7257671719980201</c:v>
                </c:pt>
                <c:pt idx="838">
                  <c:v>2.7568983805746798</c:v>
                </c:pt>
                <c:pt idx="839">
                  <c:v>2.8507683944545201</c:v>
                </c:pt>
                <c:pt idx="840">
                  <c:v>2.73934447127911</c:v>
                </c:pt>
                <c:pt idx="841">
                  <c:v>2.7956700319533998</c:v>
                </c:pt>
                <c:pt idx="842">
                  <c:v>2.79270897178439</c:v>
                </c:pt>
                <c:pt idx="843">
                  <c:v>2.7927089722144798</c:v>
                </c:pt>
                <c:pt idx="844">
                  <c:v>2.7927089726368202</c:v>
                </c:pt>
                <c:pt idx="845">
                  <c:v>2.7269888277051901</c:v>
                </c:pt>
                <c:pt idx="846">
                  <c:v>2.6600276371409799</c:v>
                </c:pt>
                <c:pt idx="847">
                  <c:v>2.73463170509946</c:v>
                </c:pt>
                <c:pt idx="848">
                  <c:v>2.7783653231689298</c:v>
                </c:pt>
                <c:pt idx="849">
                  <c:v>2.8433012388907701</c:v>
                </c:pt>
                <c:pt idx="850">
                  <c:v>2.8433012385151102</c:v>
                </c:pt>
                <c:pt idx="851">
                  <c:v>2.8433012381320499</c:v>
                </c:pt>
                <c:pt idx="852">
                  <c:v>2.9173837892652301</c:v>
                </c:pt>
                <c:pt idx="853">
                  <c:v>2.8973577111314701</c:v>
                </c:pt>
                <c:pt idx="854">
                  <c:v>2.85339899444083</c:v>
                </c:pt>
                <c:pt idx="855">
                  <c:v>2.9489043555668601</c:v>
                </c:pt>
                <c:pt idx="856">
                  <c:v>0</c:v>
                </c:pt>
                <c:pt idx="857">
                  <c:v>0</c:v>
                </c:pt>
                <c:pt idx="858">
                  <c:v>0</c:v>
                </c:pt>
                <c:pt idx="859">
                  <c:v>0</c:v>
                </c:pt>
                <c:pt idx="860">
                  <c:v>0</c:v>
                </c:pt>
                <c:pt idx="861">
                  <c:v>0</c:v>
                </c:pt>
                <c:pt idx="862">
                  <c:v>0</c:v>
                </c:pt>
                <c:pt idx="863">
                  <c:v>0</c:v>
                </c:pt>
                <c:pt idx="864">
                  <c:v>0</c:v>
                </c:pt>
                <c:pt idx="865">
                  <c:v>0</c:v>
                </c:pt>
                <c:pt idx="866">
                  <c:v>0</c:v>
                </c:pt>
                <c:pt idx="867">
                  <c:v>0</c:v>
                </c:pt>
                <c:pt idx="868">
                  <c:v>0</c:v>
                </c:pt>
                <c:pt idx="869">
                  <c:v>0</c:v>
                </c:pt>
                <c:pt idx="870">
                  <c:v>0</c:v>
                </c:pt>
                <c:pt idx="871">
                  <c:v>0</c:v>
                </c:pt>
                <c:pt idx="872">
                  <c:v>0</c:v>
                </c:pt>
                <c:pt idx="873">
                  <c:v>0</c:v>
                </c:pt>
                <c:pt idx="874">
                  <c:v>0</c:v>
                </c:pt>
                <c:pt idx="875">
                  <c:v>0</c:v>
                </c:pt>
                <c:pt idx="876">
                  <c:v>0</c:v>
                </c:pt>
                <c:pt idx="877">
                  <c:v>0</c:v>
                </c:pt>
                <c:pt idx="878">
                  <c:v>0</c:v>
                </c:pt>
                <c:pt idx="879">
                  <c:v>0</c:v>
                </c:pt>
                <c:pt idx="880">
                  <c:v>0</c:v>
                </c:pt>
                <c:pt idx="881">
                  <c:v>0</c:v>
                </c:pt>
                <c:pt idx="882">
                  <c:v>0</c:v>
                </c:pt>
                <c:pt idx="883">
                  <c:v>0</c:v>
                </c:pt>
                <c:pt idx="884">
                  <c:v>0</c:v>
                </c:pt>
                <c:pt idx="885">
                  <c:v>0</c:v>
                </c:pt>
                <c:pt idx="886">
                  <c:v>0</c:v>
                </c:pt>
                <c:pt idx="887">
                  <c:v>0</c:v>
                </c:pt>
                <c:pt idx="888">
                  <c:v>0</c:v>
                </c:pt>
                <c:pt idx="889">
                  <c:v>0</c:v>
                </c:pt>
                <c:pt idx="890">
                  <c:v>0</c:v>
                </c:pt>
                <c:pt idx="891">
                  <c:v>0</c:v>
                </c:pt>
                <c:pt idx="892">
                  <c:v>0</c:v>
                </c:pt>
                <c:pt idx="893">
                  <c:v>0</c:v>
                </c:pt>
                <c:pt idx="894">
                  <c:v>0</c:v>
                </c:pt>
                <c:pt idx="895">
                  <c:v>0</c:v>
                </c:pt>
                <c:pt idx="896">
                  <c:v>0</c:v>
                </c:pt>
                <c:pt idx="897">
                  <c:v>0</c:v>
                </c:pt>
                <c:pt idx="898">
                  <c:v>0</c:v>
                </c:pt>
                <c:pt idx="899">
                  <c:v>0</c:v>
                </c:pt>
                <c:pt idx="900">
                  <c:v>0</c:v>
                </c:pt>
                <c:pt idx="901">
                  <c:v>0</c:v>
                </c:pt>
                <c:pt idx="902">
                  <c:v>0</c:v>
                </c:pt>
                <c:pt idx="903">
                  <c:v>0</c:v>
                </c:pt>
                <c:pt idx="904">
                  <c:v>0</c:v>
                </c:pt>
                <c:pt idx="905">
                  <c:v>0</c:v>
                </c:pt>
                <c:pt idx="906">
                  <c:v>0</c:v>
                </c:pt>
                <c:pt idx="907">
                  <c:v>0</c:v>
                </c:pt>
                <c:pt idx="908">
                  <c:v>0</c:v>
                </c:pt>
                <c:pt idx="909">
                  <c:v>0</c:v>
                </c:pt>
                <c:pt idx="910">
                  <c:v>0</c:v>
                </c:pt>
                <c:pt idx="911">
                  <c:v>0</c:v>
                </c:pt>
                <c:pt idx="912">
                  <c:v>0</c:v>
                </c:pt>
                <c:pt idx="913">
                  <c:v>0</c:v>
                </c:pt>
                <c:pt idx="914">
                  <c:v>0</c:v>
                </c:pt>
                <c:pt idx="915">
                  <c:v>0</c:v>
                </c:pt>
                <c:pt idx="916">
                  <c:v>0</c:v>
                </c:pt>
                <c:pt idx="917">
                  <c:v>0</c:v>
                </c:pt>
                <c:pt idx="918">
                  <c:v>0</c:v>
                </c:pt>
                <c:pt idx="919">
                  <c:v>0</c:v>
                </c:pt>
                <c:pt idx="920">
                  <c:v>0</c:v>
                </c:pt>
                <c:pt idx="921">
                  <c:v>0</c:v>
                </c:pt>
                <c:pt idx="922">
                  <c:v>0</c:v>
                </c:pt>
                <c:pt idx="923">
                  <c:v>0</c:v>
                </c:pt>
                <c:pt idx="924">
                  <c:v>0</c:v>
                </c:pt>
                <c:pt idx="925">
                  <c:v>0</c:v>
                </c:pt>
                <c:pt idx="926">
                  <c:v>0</c:v>
                </c:pt>
                <c:pt idx="927">
                  <c:v>0</c:v>
                </c:pt>
                <c:pt idx="928">
                  <c:v>0</c:v>
                </c:pt>
                <c:pt idx="929">
                  <c:v>0</c:v>
                </c:pt>
                <c:pt idx="930">
                  <c:v>0</c:v>
                </c:pt>
                <c:pt idx="931">
                  <c:v>0</c:v>
                </c:pt>
                <c:pt idx="932">
                  <c:v>0</c:v>
                </c:pt>
                <c:pt idx="933">
                  <c:v>0</c:v>
                </c:pt>
                <c:pt idx="934">
                  <c:v>0</c:v>
                </c:pt>
                <c:pt idx="935">
                  <c:v>0</c:v>
                </c:pt>
                <c:pt idx="936">
                  <c:v>0</c:v>
                </c:pt>
                <c:pt idx="937">
                  <c:v>0</c:v>
                </c:pt>
                <c:pt idx="938">
                  <c:v>0</c:v>
                </c:pt>
                <c:pt idx="939">
                  <c:v>0</c:v>
                </c:pt>
                <c:pt idx="940">
                  <c:v>0</c:v>
                </c:pt>
                <c:pt idx="941">
                  <c:v>0</c:v>
                </c:pt>
                <c:pt idx="942">
                  <c:v>0</c:v>
                </c:pt>
                <c:pt idx="943">
                  <c:v>0</c:v>
                </c:pt>
                <c:pt idx="944">
                  <c:v>0</c:v>
                </c:pt>
                <c:pt idx="945">
                  <c:v>0</c:v>
                </c:pt>
                <c:pt idx="946">
                  <c:v>0</c:v>
                </c:pt>
                <c:pt idx="947">
                  <c:v>0</c:v>
                </c:pt>
                <c:pt idx="948">
                  <c:v>0</c:v>
                </c:pt>
                <c:pt idx="949">
                  <c:v>0</c:v>
                </c:pt>
                <c:pt idx="950">
                  <c:v>0</c:v>
                </c:pt>
                <c:pt idx="951">
                  <c:v>0</c:v>
                </c:pt>
                <c:pt idx="952">
                  <c:v>0</c:v>
                </c:pt>
                <c:pt idx="953">
                  <c:v>0</c:v>
                </c:pt>
                <c:pt idx="954">
                  <c:v>0</c:v>
                </c:pt>
                <c:pt idx="955">
                  <c:v>0</c:v>
                </c:pt>
                <c:pt idx="956">
                  <c:v>0</c:v>
                </c:pt>
                <c:pt idx="957">
                  <c:v>0</c:v>
                </c:pt>
                <c:pt idx="958">
                  <c:v>0</c:v>
                </c:pt>
                <c:pt idx="959">
                  <c:v>0</c:v>
                </c:pt>
                <c:pt idx="960">
                  <c:v>0</c:v>
                </c:pt>
                <c:pt idx="961">
                  <c:v>0</c:v>
                </c:pt>
                <c:pt idx="962">
                  <c:v>0</c:v>
                </c:pt>
                <c:pt idx="963">
                  <c:v>0</c:v>
                </c:pt>
                <c:pt idx="964">
                  <c:v>0</c:v>
                </c:pt>
                <c:pt idx="965">
                  <c:v>0</c:v>
                </c:pt>
                <c:pt idx="966">
                  <c:v>0</c:v>
                </c:pt>
                <c:pt idx="967">
                  <c:v>0</c:v>
                </c:pt>
                <c:pt idx="968">
                  <c:v>0</c:v>
                </c:pt>
                <c:pt idx="969">
                  <c:v>0</c:v>
                </c:pt>
                <c:pt idx="970">
                  <c:v>0</c:v>
                </c:pt>
                <c:pt idx="971">
                  <c:v>0</c:v>
                </c:pt>
                <c:pt idx="972">
                  <c:v>0</c:v>
                </c:pt>
                <c:pt idx="973">
                  <c:v>0</c:v>
                </c:pt>
                <c:pt idx="974">
                  <c:v>0</c:v>
                </c:pt>
                <c:pt idx="975">
                  <c:v>0</c:v>
                </c:pt>
                <c:pt idx="976">
                  <c:v>0</c:v>
                </c:pt>
                <c:pt idx="977">
                  <c:v>0</c:v>
                </c:pt>
                <c:pt idx="978">
                  <c:v>0</c:v>
                </c:pt>
                <c:pt idx="979">
                  <c:v>0</c:v>
                </c:pt>
                <c:pt idx="980">
                  <c:v>0</c:v>
                </c:pt>
                <c:pt idx="981">
                  <c:v>0</c:v>
                </c:pt>
                <c:pt idx="982">
                  <c:v>0</c:v>
                </c:pt>
                <c:pt idx="983">
                  <c:v>0</c:v>
                </c:pt>
                <c:pt idx="984">
                  <c:v>0</c:v>
                </c:pt>
                <c:pt idx="985">
                  <c:v>0</c:v>
                </c:pt>
                <c:pt idx="986">
                  <c:v>0</c:v>
                </c:pt>
                <c:pt idx="987">
                  <c:v>0</c:v>
                </c:pt>
                <c:pt idx="988">
                  <c:v>0</c:v>
                </c:pt>
                <c:pt idx="989">
                  <c:v>0</c:v>
                </c:pt>
                <c:pt idx="990">
                  <c:v>0</c:v>
                </c:pt>
                <c:pt idx="991">
                  <c:v>0</c:v>
                </c:pt>
                <c:pt idx="992">
                  <c:v>0</c:v>
                </c:pt>
                <c:pt idx="993">
                  <c:v>0</c:v>
                </c:pt>
                <c:pt idx="994">
                  <c:v>0</c:v>
                </c:pt>
                <c:pt idx="995">
                  <c:v>0</c:v>
                </c:pt>
                <c:pt idx="996">
                  <c:v>0</c:v>
                </c:pt>
                <c:pt idx="997">
                  <c:v>0</c:v>
                </c:pt>
                <c:pt idx="998">
                  <c:v>0</c:v>
                </c:pt>
                <c:pt idx="999">
                  <c:v>0</c:v>
                </c:pt>
                <c:pt idx="1000">
                  <c:v>0</c:v>
                </c:pt>
                <c:pt idx="1001">
                  <c:v>0</c:v>
                </c:pt>
                <c:pt idx="1002">
                  <c:v>0</c:v>
                </c:pt>
                <c:pt idx="1003">
                  <c:v>0</c:v>
                </c:pt>
                <c:pt idx="1004">
                  <c:v>0</c:v>
                </c:pt>
                <c:pt idx="1005">
                  <c:v>0</c:v>
                </c:pt>
                <c:pt idx="1006">
                  <c:v>0</c:v>
                </c:pt>
                <c:pt idx="1007">
                  <c:v>0</c:v>
                </c:pt>
                <c:pt idx="1008">
                  <c:v>0</c:v>
                </c:pt>
                <c:pt idx="1009">
                  <c:v>0</c:v>
                </c:pt>
                <c:pt idx="1010">
                  <c:v>0</c:v>
                </c:pt>
                <c:pt idx="1011">
                  <c:v>0</c:v>
                </c:pt>
                <c:pt idx="1012">
                  <c:v>0</c:v>
                </c:pt>
                <c:pt idx="1013">
                  <c:v>0</c:v>
                </c:pt>
                <c:pt idx="1014">
                  <c:v>0</c:v>
                </c:pt>
                <c:pt idx="1015">
                  <c:v>0</c:v>
                </c:pt>
                <c:pt idx="1016">
                  <c:v>0</c:v>
                </c:pt>
                <c:pt idx="1017">
                  <c:v>0</c:v>
                </c:pt>
                <c:pt idx="1018">
                  <c:v>0</c:v>
                </c:pt>
                <c:pt idx="1019">
                  <c:v>0</c:v>
                </c:pt>
                <c:pt idx="1020">
                  <c:v>0</c:v>
                </c:pt>
                <c:pt idx="1021">
                  <c:v>0</c:v>
                </c:pt>
                <c:pt idx="1022">
                  <c:v>0</c:v>
                </c:pt>
                <c:pt idx="1023">
                  <c:v>0</c:v>
                </c:pt>
                <c:pt idx="1024">
                  <c:v>0</c:v>
                </c:pt>
                <c:pt idx="1025">
                  <c:v>0</c:v>
                </c:pt>
                <c:pt idx="1026">
                  <c:v>0</c:v>
                </c:pt>
                <c:pt idx="1027">
                  <c:v>0</c:v>
                </c:pt>
                <c:pt idx="1028">
                  <c:v>0</c:v>
                </c:pt>
                <c:pt idx="1029">
                  <c:v>0</c:v>
                </c:pt>
                <c:pt idx="1030">
                  <c:v>0</c:v>
                </c:pt>
                <c:pt idx="1031">
                  <c:v>0</c:v>
                </c:pt>
                <c:pt idx="1032">
                  <c:v>0</c:v>
                </c:pt>
                <c:pt idx="1033">
                  <c:v>0</c:v>
                </c:pt>
                <c:pt idx="1034">
                  <c:v>0</c:v>
                </c:pt>
                <c:pt idx="1035">
                  <c:v>0</c:v>
                </c:pt>
                <c:pt idx="1036">
                  <c:v>0</c:v>
                </c:pt>
                <c:pt idx="1037">
                  <c:v>0</c:v>
                </c:pt>
                <c:pt idx="1038">
                  <c:v>0</c:v>
                </c:pt>
                <c:pt idx="1039">
                  <c:v>0</c:v>
                </c:pt>
                <c:pt idx="1040">
                  <c:v>0</c:v>
                </c:pt>
                <c:pt idx="1041">
                  <c:v>0</c:v>
                </c:pt>
                <c:pt idx="1042">
                  <c:v>0</c:v>
                </c:pt>
                <c:pt idx="1043">
                  <c:v>0</c:v>
                </c:pt>
                <c:pt idx="1044">
                  <c:v>0</c:v>
                </c:pt>
                <c:pt idx="1045">
                  <c:v>0</c:v>
                </c:pt>
                <c:pt idx="1046">
                  <c:v>0</c:v>
                </c:pt>
                <c:pt idx="1047">
                  <c:v>0</c:v>
                </c:pt>
                <c:pt idx="1048">
                  <c:v>0</c:v>
                </c:pt>
                <c:pt idx="1049">
                  <c:v>0</c:v>
                </c:pt>
              </c:numCache>
            </c:numRef>
          </c:val>
          <c:smooth val="0"/>
          <c:extLst>
            <c:ext xmlns:c16="http://schemas.microsoft.com/office/drawing/2014/chart" uri="{C3380CC4-5D6E-409C-BE32-E72D297353CC}">
              <c16:uniqueId val="{00000002-0E6C-4A91-B243-47E2B7D93B79}"/>
            </c:ext>
          </c:extLst>
        </c:ser>
        <c:dLbls>
          <c:showLegendKey val="0"/>
          <c:showVal val="0"/>
          <c:showCatName val="0"/>
          <c:showSerName val="0"/>
          <c:showPercent val="0"/>
          <c:showBubbleSize val="0"/>
        </c:dLbls>
        <c:smooth val="0"/>
        <c:axId val="630259503"/>
        <c:axId val="630261583"/>
      </c:lineChart>
      <c:dateAx>
        <c:axId val="630259503"/>
        <c:scaling>
          <c:orientation val="minMax"/>
          <c:max val="44682"/>
        </c:scaling>
        <c:delete val="0"/>
        <c:axPos val="b"/>
        <c:numFmt formatCode="[$-409]mmm\-yy;@" sourceLinked="0"/>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630261583"/>
        <c:crosses val="autoZero"/>
        <c:auto val="1"/>
        <c:lblOffset val="100"/>
        <c:baseTimeUnit val="days"/>
      </c:dateAx>
      <c:valAx>
        <c:axId val="630261583"/>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630259503"/>
        <c:crosses val="autoZero"/>
        <c:crossBetween val="between"/>
        <c:dispUnits>
          <c:builtInUnit val="hundreds"/>
        </c:dispUnits>
      </c:valAx>
      <c:spPr>
        <a:noFill/>
        <a:ln>
          <a:noFill/>
        </a:ln>
        <a:effectLst/>
      </c:spPr>
    </c:plotArea>
    <c:legend>
      <c:legendPos val="b"/>
      <c:layout>
        <c:manualLayout>
          <c:xMode val="edge"/>
          <c:yMode val="edge"/>
          <c:x val="0.28894702306948472"/>
          <c:y val="0.11768294588176478"/>
          <c:w val="0.4221059538610305"/>
          <c:h val="8.3705943007124112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200" b="1" i="0" u="none" strike="noStrike" kern="1200" spc="0" baseline="0">
                <a:solidFill>
                  <a:schemeClr val="tx1"/>
                </a:solidFill>
                <a:latin typeface="+mn-lt"/>
                <a:ea typeface="+mn-ea"/>
                <a:cs typeface="+mn-cs"/>
              </a:defRPr>
            </a:pPr>
            <a:r>
              <a:rPr lang="en-US" sz="1200" b="1" i="0" u="none" strike="noStrike" baseline="0">
                <a:solidFill>
                  <a:schemeClr val="tx1"/>
                </a:solidFill>
                <a:effectLst/>
              </a:rPr>
              <a:t>1mo. USD SOFR CME term forward curves over time </a:t>
            </a:r>
            <a:endParaRPr lang="en-US" sz="1200" b="1">
              <a:solidFill>
                <a:schemeClr val="tx1"/>
              </a:solidFill>
            </a:endParaRPr>
          </a:p>
        </c:rich>
      </c:tx>
      <c:layout>
        <c:manualLayout>
          <c:xMode val="edge"/>
          <c:yMode val="edge"/>
          <c:x val="0.17931881321852311"/>
          <c:y val="9.9206349206349201E-3"/>
        </c:manualLayout>
      </c:layout>
      <c:overlay val="0"/>
      <c:spPr>
        <a:noFill/>
        <a:ln>
          <a:noFill/>
        </a:ln>
        <a:effectLst/>
      </c:spPr>
      <c:txPr>
        <a:bodyPr rot="0" spcFirstLastPara="1" vertOverflow="ellipsis" vert="horz" wrap="square" anchor="ctr" anchorCtr="1"/>
        <a:lstStyle/>
        <a:p>
          <a:pPr>
            <a:defRPr sz="1200" b="1" i="0" u="none" strike="noStrike" kern="1200" spc="0" baseline="0">
              <a:solidFill>
                <a:schemeClr val="tx1"/>
              </a:solidFill>
              <a:latin typeface="+mn-lt"/>
              <a:ea typeface="+mn-ea"/>
              <a:cs typeface="+mn-cs"/>
            </a:defRPr>
          </a:pPr>
          <a:endParaRPr lang="en-US"/>
        </a:p>
      </c:txPr>
    </c:title>
    <c:autoTitleDeleted val="0"/>
    <c:plotArea>
      <c:layout>
        <c:manualLayout>
          <c:layoutTarget val="inner"/>
          <c:xMode val="edge"/>
          <c:yMode val="edge"/>
          <c:x val="7.9615431842949461E-2"/>
          <c:y val="0.13219246031746029"/>
          <c:w val="0.89358144924866845"/>
          <c:h val="0.67895145919260091"/>
        </c:manualLayout>
      </c:layout>
      <c:lineChart>
        <c:grouping val="standard"/>
        <c:varyColors val="0"/>
        <c:ser>
          <c:idx val="2"/>
          <c:order val="0"/>
          <c:tx>
            <c:strRef>
              <c:f>'Forward Curves_Same Index_SOFR'!$H$8</c:f>
              <c:strCache>
                <c:ptCount val="1"/>
                <c:pt idx="0">
                  <c:v>As of 03/01/2022</c:v>
                </c:pt>
              </c:strCache>
            </c:strRef>
          </c:tx>
          <c:spPr>
            <a:ln w="28575" cap="rnd">
              <a:solidFill>
                <a:schemeClr val="accent3"/>
              </a:solidFill>
              <a:round/>
            </a:ln>
            <a:effectLst/>
          </c:spPr>
          <c:marker>
            <c:symbol val="none"/>
          </c:marker>
          <c:cat>
            <c:numRef>
              <c:f>'Forward Curves_Same Index_SOFR'!$E$9:$E$129</c:f>
              <c:numCache>
                <c:formatCode>m/d/yyyy</c:formatCode>
                <c:ptCount val="121"/>
                <c:pt idx="0">
                  <c:v>44592</c:v>
                </c:pt>
                <c:pt idx="1">
                  <c:v>44620</c:v>
                </c:pt>
                <c:pt idx="2">
                  <c:v>44651</c:v>
                </c:pt>
                <c:pt idx="3">
                  <c:v>44680</c:v>
                </c:pt>
                <c:pt idx="4">
                  <c:v>44712</c:v>
                </c:pt>
                <c:pt idx="5">
                  <c:v>44742</c:v>
                </c:pt>
                <c:pt idx="6">
                  <c:v>44771</c:v>
                </c:pt>
                <c:pt idx="7">
                  <c:v>44804</c:v>
                </c:pt>
                <c:pt idx="8">
                  <c:v>44834</c:v>
                </c:pt>
                <c:pt idx="9">
                  <c:v>44865</c:v>
                </c:pt>
                <c:pt idx="10">
                  <c:v>44895</c:v>
                </c:pt>
                <c:pt idx="11">
                  <c:v>44925</c:v>
                </c:pt>
                <c:pt idx="12">
                  <c:v>44957</c:v>
                </c:pt>
                <c:pt idx="13">
                  <c:v>44985</c:v>
                </c:pt>
                <c:pt idx="14">
                  <c:v>45016</c:v>
                </c:pt>
                <c:pt idx="15">
                  <c:v>45044</c:v>
                </c:pt>
                <c:pt idx="16">
                  <c:v>45077</c:v>
                </c:pt>
                <c:pt idx="17">
                  <c:v>45107</c:v>
                </c:pt>
                <c:pt idx="18">
                  <c:v>45138</c:v>
                </c:pt>
                <c:pt idx="19">
                  <c:v>45169</c:v>
                </c:pt>
                <c:pt idx="20">
                  <c:v>45198</c:v>
                </c:pt>
                <c:pt idx="21">
                  <c:v>45230</c:v>
                </c:pt>
                <c:pt idx="22">
                  <c:v>45260</c:v>
                </c:pt>
                <c:pt idx="23">
                  <c:v>45289</c:v>
                </c:pt>
                <c:pt idx="24">
                  <c:v>45322</c:v>
                </c:pt>
                <c:pt idx="25">
                  <c:v>45351</c:v>
                </c:pt>
                <c:pt idx="26">
                  <c:v>45379</c:v>
                </c:pt>
                <c:pt idx="27">
                  <c:v>45412</c:v>
                </c:pt>
                <c:pt idx="28">
                  <c:v>45443</c:v>
                </c:pt>
                <c:pt idx="29">
                  <c:v>45471</c:v>
                </c:pt>
                <c:pt idx="30">
                  <c:v>45504</c:v>
                </c:pt>
                <c:pt idx="31">
                  <c:v>45534</c:v>
                </c:pt>
                <c:pt idx="32">
                  <c:v>45565</c:v>
                </c:pt>
                <c:pt idx="33">
                  <c:v>45596</c:v>
                </c:pt>
                <c:pt idx="34">
                  <c:v>45625</c:v>
                </c:pt>
                <c:pt idx="35">
                  <c:v>45657</c:v>
                </c:pt>
                <c:pt idx="36">
                  <c:v>45688</c:v>
                </c:pt>
                <c:pt idx="37">
                  <c:v>45716</c:v>
                </c:pt>
                <c:pt idx="38">
                  <c:v>45747</c:v>
                </c:pt>
                <c:pt idx="39">
                  <c:v>45777</c:v>
                </c:pt>
                <c:pt idx="40">
                  <c:v>45807</c:v>
                </c:pt>
                <c:pt idx="41">
                  <c:v>45838</c:v>
                </c:pt>
                <c:pt idx="42">
                  <c:v>45869</c:v>
                </c:pt>
                <c:pt idx="43">
                  <c:v>45898</c:v>
                </c:pt>
                <c:pt idx="44">
                  <c:v>45930</c:v>
                </c:pt>
                <c:pt idx="45">
                  <c:v>45961</c:v>
                </c:pt>
                <c:pt idx="46">
                  <c:v>45989</c:v>
                </c:pt>
                <c:pt idx="47">
                  <c:v>46022</c:v>
                </c:pt>
                <c:pt idx="48">
                  <c:v>46052</c:v>
                </c:pt>
                <c:pt idx="49">
                  <c:v>46080</c:v>
                </c:pt>
                <c:pt idx="50">
                  <c:v>46112</c:v>
                </c:pt>
                <c:pt idx="51">
                  <c:v>46142</c:v>
                </c:pt>
                <c:pt idx="52">
                  <c:v>46171</c:v>
                </c:pt>
                <c:pt idx="53">
                  <c:v>46203</c:v>
                </c:pt>
                <c:pt idx="54">
                  <c:v>46234</c:v>
                </c:pt>
                <c:pt idx="55">
                  <c:v>46265</c:v>
                </c:pt>
                <c:pt idx="56">
                  <c:v>46295</c:v>
                </c:pt>
                <c:pt idx="57">
                  <c:v>46325</c:v>
                </c:pt>
                <c:pt idx="58">
                  <c:v>46356</c:v>
                </c:pt>
                <c:pt idx="59">
                  <c:v>46387</c:v>
                </c:pt>
                <c:pt idx="60">
                  <c:v>46416</c:v>
                </c:pt>
                <c:pt idx="61">
                  <c:v>46444</c:v>
                </c:pt>
                <c:pt idx="62">
                  <c:v>46477</c:v>
                </c:pt>
                <c:pt idx="63">
                  <c:v>46507</c:v>
                </c:pt>
                <c:pt idx="64">
                  <c:v>46538</c:v>
                </c:pt>
                <c:pt idx="65">
                  <c:v>46568</c:v>
                </c:pt>
                <c:pt idx="66">
                  <c:v>46598</c:v>
                </c:pt>
                <c:pt idx="67">
                  <c:v>46630</c:v>
                </c:pt>
                <c:pt idx="68">
                  <c:v>46660</c:v>
                </c:pt>
                <c:pt idx="69">
                  <c:v>46689</c:v>
                </c:pt>
                <c:pt idx="70">
                  <c:v>46721</c:v>
                </c:pt>
                <c:pt idx="71">
                  <c:v>46752</c:v>
                </c:pt>
                <c:pt idx="72">
                  <c:v>46783</c:v>
                </c:pt>
                <c:pt idx="73">
                  <c:v>46812</c:v>
                </c:pt>
                <c:pt idx="74">
                  <c:v>46843</c:v>
                </c:pt>
                <c:pt idx="75">
                  <c:v>46871</c:v>
                </c:pt>
                <c:pt idx="76">
                  <c:v>46904</c:v>
                </c:pt>
                <c:pt idx="77">
                  <c:v>46934</c:v>
                </c:pt>
                <c:pt idx="78">
                  <c:v>46965</c:v>
                </c:pt>
                <c:pt idx="79">
                  <c:v>46996</c:v>
                </c:pt>
                <c:pt idx="80">
                  <c:v>47025</c:v>
                </c:pt>
                <c:pt idx="81">
                  <c:v>47057</c:v>
                </c:pt>
                <c:pt idx="82">
                  <c:v>47087</c:v>
                </c:pt>
                <c:pt idx="83">
                  <c:v>47116</c:v>
                </c:pt>
                <c:pt idx="84">
                  <c:v>47149</c:v>
                </c:pt>
                <c:pt idx="85">
                  <c:v>47177</c:v>
                </c:pt>
                <c:pt idx="86">
                  <c:v>47207</c:v>
                </c:pt>
                <c:pt idx="87">
                  <c:v>47238</c:v>
                </c:pt>
                <c:pt idx="88">
                  <c:v>47269</c:v>
                </c:pt>
                <c:pt idx="89">
                  <c:v>47298</c:v>
                </c:pt>
                <c:pt idx="90">
                  <c:v>47330</c:v>
                </c:pt>
                <c:pt idx="91">
                  <c:v>47361</c:v>
                </c:pt>
                <c:pt idx="92">
                  <c:v>47389</c:v>
                </c:pt>
                <c:pt idx="93">
                  <c:v>47422</c:v>
                </c:pt>
                <c:pt idx="94">
                  <c:v>47452</c:v>
                </c:pt>
                <c:pt idx="95">
                  <c:v>47483</c:v>
                </c:pt>
                <c:pt idx="96">
                  <c:v>47514</c:v>
                </c:pt>
                <c:pt idx="97">
                  <c:v>47542</c:v>
                </c:pt>
                <c:pt idx="98">
                  <c:v>47571</c:v>
                </c:pt>
                <c:pt idx="99">
                  <c:v>47603</c:v>
                </c:pt>
                <c:pt idx="100">
                  <c:v>47634</c:v>
                </c:pt>
                <c:pt idx="101">
                  <c:v>47662</c:v>
                </c:pt>
                <c:pt idx="102">
                  <c:v>47695</c:v>
                </c:pt>
                <c:pt idx="103">
                  <c:v>47725</c:v>
                </c:pt>
                <c:pt idx="104">
                  <c:v>47756</c:v>
                </c:pt>
                <c:pt idx="105">
                  <c:v>47787</c:v>
                </c:pt>
                <c:pt idx="106">
                  <c:v>47816</c:v>
                </c:pt>
                <c:pt idx="107">
                  <c:v>47848</c:v>
                </c:pt>
                <c:pt idx="108">
                  <c:v>47879</c:v>
                </c:pt>
                <c:pt idx="109">
                  <c:v>47907</c:v>
                </c:pt>
                <c:pt idx="110">
                  <c:v>47938</c:v>
                </c:pt>
                <c:pt idx="111">
                  <c:v>47968</c:v>
                </c:pt>
                <c:pt idx="112">
                  <c:v>47998</c:v>
                </c:pt>
                <c:pt idx="113">
                  <c:v>48029</c:v>
                </c:pt>
                <c:pt idx="114">
                  <c:v>48060</c:v>
                </c:pt>
                <c:pt idx="115">
                  <c:v>48089</c:v>
                </c:pt>
                <c:pt idx="116">
                  <c:v>48121</c:v>
                </c:pt>
                <c:pt idx="117">
                  <c:v>48152</c:v>
                </c:pt>
                <c:pt idx="118">
                  <c:v>48180</c:v>
                </c:pt>
                <c:pt idx="119">
                  <c:v>48213</c:v>
                </c:pt>
                <c:pt idx="120">
                  <c:v>48243</c:v>
                </c:pt>
              </c:numCache>
            </c:numRef>
          </c:cat>
          <c:val>
            <c:numRef>
              <c:f>'Forward Curves_Same Index_SOFR'!$H$9:$H$129</c:f>
              <c:numCache>
                <c:formatCode>General</c:formatCode>
                <c:ptCount val="121"/>
                <c:pt idx="2" formatCode="0.000%">
                  <c:v>2.9401936560955401E-3</c:v>
                </c:pt>
                <c:pt idx="3" formatCode="0.000%">
                  <c:v>5.1321926991998402E-3</c:v>
                </c:pt>
                <c:pt idx="4" formatCode="0.000%">
                  <c:v>6.4513310579554801E-3</c:v>
                </c:pt>
                <c:pt idx="5" formatCode="0.000%">
                  <c:v>7.4301401013239501E-3</c:v>
                </c:pt>
                <c:pt idx="6" formatCode="0.000%">
                  <c:v>8.4031832769845792E-3</c:v>
                </c:pt>
                <c:pt idx="7" formatCode="0.000%">
                  <c:v>9.1082533837321105E-3</c:v>
                </c:pt>
                <c:pt idx="8" formatCode="0.000%">
                  <c:v>1.05244078513895E-2</c:v>
                </c:pt>
                <c:pt idx="9" formatCode="0.000%">
                  <c:v>1.05242540616173E-2</c:v>
                </c:pt>
                <c:pt idx="10" formatCode="0.000%">
                  <c:v>1.12506552776992E-2</c:v>
                </c:pt>
                <c:pt idx="11" formatCode="0.000%">
                  <c:v>1.29459949906839E-2</c:v>
                </c:pt>
                <c:pt idx="12" formatCode="0.000%">
                  <c:v>1.29452969468523E-2</c:v>
                </c:pt>
                <c:pt idx="13" formatCode="0.000%">
                  <c:v>1.3894025355925901E-2</c:v>
                </c:pt>
                <c:pt idx="14" formatCode="0.000%">
                  <c:v>1.49887988851284E-2</c:v>
                </c:pt>
                <c:pt idx="15" formatCode="0.000%">
                  <c:v>1.49900466034639E-2</c:v>
                </c:pt>
                <c:pt idx="16" formatCode="0.000%">
                  <c:v>1.52438185380017E-2</c:v>
                </c:pt>
                <c:pt idx="17" formatCode="0.000%">
                  <c:v>1.6051853857214901E-2</c:v>
                </c:pt>
                <c:pt idx="18" formatCode="0.000%">
                  <c:v>1.6333835753767598E-2</c:v>
                </c:pt>
                <c:pt idx="19" formatCode="0.000%">
                  <c:v>1.6544143579552299E-2</c:v>
                </c:pt>
                <c:pt idx="20" formatCode="0.000%">
                  <c:v>1.6694150014855798E-2</c:v>
                </c:pt>
                <c:pt idx="21" formatCode="0.000%">
                  <c:v>1.6785190388524999E-2</c:v>
                </c:pt>
                <c:pt idx="22" formatCode="0.000%">
                  <c:v>1.6809299847052199E-2</c:v>
                </c:pt>
                <c:pt idx="23" formatCode="0.000%">
                  <c:v>1.6773856389458199E-2</c:v>
                </c:pt>
                <c:pt idx="24" formatCode="0.000%">
                  <c:v>1.6667747853306498E-2</c:v>
                </c:pt>
                <c:pt idx="25" formatCode="0.000%">
                  <c:v>1.65210599682089E-2</c:v>
                </c:pt>
                <c:pt idx="26" formatCode="0.000%">
                  <c:v>1.6358893015691E-2</c:v>
                </c:pt>
                <c:pt idx="27" formatCode="0.000%">
                  <c:v>1.6190839942678899E-2</c:v>
                </c:pt>
                <c:pt idx="28" formatCode="0.000%">
                  <c:v>1.60402264302003E-2</c:v>
                </c:pt>
                <c:pt idx="29" formatCode="0.000%">
                  <c:v>1.5900543855381099E-2</c:v>
                </c:pt>
                <c:pt idx="30" formatCode="0.000%">
                  <c:v>1.5752584779201901E-2</c:v>
                </c:pt>
                <c:pt idx="31" formatCode="0.000%">
                  <c:v>1.56216190449584E-2</c:v>
                </c:pt>
                <c:pt idx="32" formatCode="0.000%">
                  <c:v>1.54968926552082E-2</c:v>
                </c:pt>
                <c:pt idx="33" formatCode="0.000%">
                  <c:v>1.53791319909898E-2</c:v>
                </c:pt>
                <c:pt idx="34" formatCode="0.000%">
                  <c:v>1.52711167855331E-2</c:v>
                </c:pt>
                <c:pt idx="35" formatCode="0.000%">
                  <c:v>1.51625764402692E-2</c:v>
                </c:pt>
                <c:pt idx="36" formatCode="0.000%">
                  <c:v>1.5068296507641901E-2</c:v>
                </c:pt>
                <c:pt idx="37" formatCode="0.000%">
                  <c:v>1.4985788691793799E-2</c:v>
                </c:pt>
                <c:pt idx="38" formatCode="0.000%">
                  <c:v>1.48993220767588E-2</c:v>
                </c:pt>
                <c:pt idx="39" formatCode="0.000%">
                  <c:v>1.4824592923581299E-2</c:v>
                </c:pt>
                <c:pt idx="40" formatCode="0.000%">
                  <c:v>1.4755836082526201E-2</c:v>
                </c:pt>
                <c:pt idx="41" formatCode="0.000%">
                  <c:v>1.46933900926482E-2</c:v>
                </c:pt>
                <c:pt idx="42" formatCode="0.000%">
                  <c:v>1.4637902813565499E-2</c:v>
                </c:pt>
                <c:pt idx="43" formatCode="0.000%">
                  <c:v>1.4591049409625601E-2</c:v>
                </c:pt>
                <c:pt idx="44" formatCode="0.000%">
                  <c:v>1.4548116779525199E-2</c:v>
                </c:pt>
                <c:pt idx="45" formatCode="0.000%">
                  <c:v>1.4513802196886199E-2</c:v>
                </c:pt>
                <c:pt idx="46" formatCode="0.000%">
                  <c:v>1.4488161350680699E-2</c:v>
                </c:pt>
                <c:pt idx="47" formatCode="0.000%">
                  <c:v>1.4466106676632499E-2</c:v>
                </c:pt>
                <c:pt idx="48" formatCode="0.000%">
                  <c:v>1.4452753091583699E-2</c:v>
                </c:pt>
                <c:pt idx="49" formatCode="0.000%">
                  <c:v>1.4446419800663499E-2</c:v>
                </c:pt>
                <c:pt idx="50" formatCode="0.000%">
                  <c:v>1.44470933806389E-2</c:v>
                </c:pt>
                <c:pt idx="51" formatCode="0.000%">
                  <c:v>1.4453727022332399E-2</c:v>
                </c:pt>
                <c:pt idx="52" formatCode="0.000%">
                  <c:v>1.44680754906268E-2</c:v>
                </c:pt>
                <c:pt idx="53" formatCode="0.000%">
                  <c:v>1.4489422583936E-2</c:v>
                </c:pt>
                <c:pt idx="54" formatCode="0.000%">
                  <c:v>1.4516321755607801E-2</c:v>
                </c:pt>
                <c:pt idx="55" formatCode="0.000%">
                  <c:v>1.4554985057154499E-2</c:v>
                </c:pt>
                <c:pt idx="56" formatCode="0.000%">
                  <c:v>1.4595135412959899E-2</c:v>
                </c:pt>
                <c:pt idx="57" formatCode="0.000%">
                  <c:v>1.4644461385458701E-2</c:v>
                </c:pt>
                <c:pt idx="58" formatCode="0.000%">
                  <c:v>1.47001071058925E-2</c:v>
                </c:pt>
                <c:pt idx="59" formatCode="0.000%">
                  <c:v>1.47627019103823E-2</c:v>
                </c:pt>
                <c:pt idx="60" formatCode="0.000%">
                  <c:v>1.48274507968641E-2</c:v>
                </c:pt>
                <c:pt idx="61" formatCode="0.000%">
                  <c:v>1.49029332583464E-2</c:v>
                </c:pt>
                <c:pt idx="62" formatCode="0.000%">
                  <c:v>1.4982393333419001E-2</c:v>
                </c:pt>
                <c:pt idx="63" formatCode="0.000%">
                  <c:v>1.50533736699735E-2</c:v>
                </c:pt>
                <c:pt idx="64" formatCode="0.000%">
                  <c:v>1.5134362021154099E-2</c:v>
                </c:pt>
                <c:pt idx="65" formatCode="0.000%">
                  <c:v>1.52040042370789E-2</c:v>
                </c:pt>
                <c:pt idx="66" formatCode="0.000%">
                  <c:v>1.5278076907039299E-2</c:v>
                </c:pt>
                <c:pt idx="67" formatCode="0.000%">
                  <c:v>1.5352133390470301E-2</c:v>
                </c:pt>
                <c:pt idx="68" formatCode="0.000%">
                  <c:v>1.541739394169E-2</c:v>
                </c:pt>
                <c:pt idx="69" formatCode="0.000%">
                  <c:v>1.5486133625716001E-2</c:v>
                </c:pt>
                <c:pt idx="70" formatCode="0.000%">
                  <c:v>1.5556232672524E-2</c:v>
                </c:pt>
                <c:pt idx="71" formatCode="0.000%">
                  <c:v>1.5625915147461901E-2</c:v>
                </c:pt>
                <c:pt idx="72" formatCode="0.000%">
                  <c:v>1.5690277120488299E-2</c:v>
                </c:pt>
                <c:pt idx="73" formatCode="0.000%">
                  <c:v>1.5752210068835999E-2</c:v>
                </c:pt>
                <c:pt idx="74" formatCode="0.000%">
                  <c:v>1.5816011444351099E-2</c:v>
                </c:pt>
                <c:pt idx="75" formatCode="0.000%">
                  <c:v>1.5879501973275801E-2</c:v>
                </c:pt>
                <c:pt idx="76" formatCode="0.000%">
                  <c:v>1.5943972010566299E-2</c:v>
                </c:pt>
                <c:pt idx="77" formatCode="0.000%">
                  <c:v>1.6005394443433001E-2</c:v>
                </c:pt>
                <c:pt idx="78" formatCode="0.000%">
                  <c:v>1.60664274090331E-2</c:v>
                </c:pt>
                <c:pt idx="79" formatCode="0.000%">
                  <c:v>1.6123776390712202E-2</c:v>
                </c:pt>
                <c:pt idx="80" formatCode="0.000%">
                  <c:v>1.6181575769221999E-2</c:v>
                </c:pt>
                <c:pt idx="81" formatCode="0.000%">
                  <c:v>1.6240092179796901E-2</c:v>
                </c:pt>
                <c:pt idx="82" formatCode="0.000%">
                  <c:v>1.6293883049639302E-2</c:v>
                </c:pt>
                <c:pt idx="83" formatCode="0.000%">
                  <c:v>1.6348717658629601E-2</c:v>
                </c:pt>
                <c:pt idx="84" formatCode="0.000%">
                  <c:v>1.6403355666132501E-2</c:v>
                </c:pt>
                <c:pt idx="85" formatCode="0.000%">
                  <c:v>1.64519958042126E-2</c:v>
                </c:pt>
                <c:pt idx="86" formatCode="0.000%">
                  <c:v>1.6512344288366301E-2</c:v>
                </c:pt>
                <c:pt idx="87" formatCode="0.000%">
                  <c:v>1.6557409430096599E-2</c:v>
                </c:pt>
                <c:pt idx="88" formatCode="0.000%">
                  <c:v>1.6606978912362399E-2</c:v>
                </c:pt>
                <c:pt idx="89" formatCode="0.000%">
                  <c:v>1.6655881590029301E-2</c:v>
                </c:pt>
                <c:pt idx="90" formatCode="0.000%">
                  <c:v>1.6706150460318901E-2</c:v>
                </c:pt>
                <c:pt idx="91" formatCode="0.000%">
                  <c:v>1.67503411829917E-2</c:v>
                </c:pt>
                <c:pt idx="92" formatCode="0.000%">
                  <c:v>1.6795902915582899E-2</c:v>
                </c:pt>
                <c:pt idx="93" formatCode="0.000%">
                  <c:v>1.6843328450052701E-2</c:v>
                </c:pt>
                <c:pt idx="94" formatCode="0.000%">
                  <c:v>1.6887544644616601E-2</c:v>
                </c:pt>
                <c:pt idx="95" formatCode="0.000%">
                  <c:v>1.6931047467091301E-2</c:v>
                </c:pt>
                <c:pt idx="96" formatCode="0.000%">
                  <c:v>1.6970279584879702E-2</c:v>
                </c:pt>
                <c:pt idx="97" formatCode="0.000%">
                  <c:v>1.7007763492654499E-2</c:v>
                </c:pt>
                <c:pt idx="98" formatCode="0.000%">
                  <c:v>1.7048822653448301E-2</c:v>
                </c:pt>
                <c:pt idx="99" formatCode="0.000%">
                  <c:v>1.70885232469642E-2</c:v>
                </c:pt>
                <c:pt idx="100" formatCode="0.000%">
                  <c:v>1.7124898787463899E-2</c:v>
                </c:pt>
                <c:pt idx="101" formatCode="0.000%">
                  <c:v>1.71617204758268E-2</c:v>
                </c:pt>
                <c:pt idx="102" formatCode="0.000%">
                  <c:v>1.7199442008795501E-2</c:v>
                </c:pt>
                <c:pt idx="103" formatCode="0.000%">
                  <c:v>1.72345838913293E-2</c:v>
                </c:pt>
                <c:pt idx="104" formatCode="0.000%">
                  <c:v>1.7267890979745501E-2</c:v>
                </c:pt>
                <c:pt idx="105" formatCode="0.000%">
                  <c:v>1.7300179118123399E-2</c:v>
                </c:pt>
                <c:pt idx="106" formatCode="0.000%">
                  <c:v>1.7332180193981701E-2</c:v>
                </c:pt>
                <c:pt idx="107" formatCode="0.000%">
                  <c:v>1.73643509019244E-2</c:v>
                </c:pt>
                <c:pt idx="108" formatCode="0.000%">
                  <c:v>1.7391766019065599E-2</c:v>
                </c:pt>
                <c:pt idx="109" formatCode="0.000%">
                  <c:v>1.74180924260714E-2</c:v>
                </c:pt>
                <c:pt idx="110" formatCode="0.000%">
                  <c:v>1.74479715638594E-2</c:v>
                </c:pt>
                <c:pt idx="111" formatCode="0.000%">
                  <c:v>1.7474182995436599E-2</c:v>
                </c:pt>
                <c:pt idx="112" formatCode="0.000%">
                  <c:v>1.7500246232402102E-2</c:v>
                </c:pt>
                <c:pt idx="113" formatCode="0.000%">
                  <c:v>1.75244489951751E-2</c:v>
                </c:pt>
                <c:pt idx="114" formatCode="0.000%">
                  <c:v>1.7547633580644199E-2</c:v>
                </c:pt>
                <c:pt idx="115" formatCode="0.000%">
                  <c:v>1.7570715576150801E-2</c:v>
                </c:pt>
                <c:pt idx="116" formatCode="0.000%">
                  <c:v>1.75925751008119E-2</c:v>
                </c:pt>
                <c:pt idx="117" formatCode="0.000%">
                  <c:v>1.7611935935783699E-2</c:v>
                </c:pt>
                <c:pt idx="118" formatCode="0.000%">
                  <c:v>1.76321422433952E-2</c:v>
                </c:pt>
                <c:pt idx="119" formatCode="0.000%">
                  <c:v>1.7651459084804699E-2</c:v>
                </c:pt>
                <c:pt idx="120" formatCode="0.000%">
                  <c:v>1.76672431362517E-2</c:v>
                </c:pt>
              </c:numCache>
            </c:numRef>
          </c:val>
          <c:smooth val="0"/>
          <c:extLst>
            <c:ext xmlns:c16="http://schemas.microsoft.com/office/drawing/2014/chart" uri="{C3380CC4-5D6E-409C-BE32-E72D297353CC}">
              <c16:uniqueId val="{00000002-B358-42A8-AE1B-A97195E32C08}"/>
            </c:ext>
          </c:extLst>
        </c:ser>
        <c:ser>
          <c:idx val="3"/>
          <c:order val="1"/>
          <c:tx>
            <c:strRef>
              <c:f>'Forward Curves_Same Index_SOFR'!$I$8</c:f>
              <c:strCache>
                <c:ptCount val="1"/>
                <c:pt idx="0">
                  <c:v>As of 04/01/2022</c:v>
                </c:pt>
              </c:strCache>
            </c:strRef>
          </c:tx>
          <c:spPr>
            <a:ln w="28575" cap="rnd">
              <a:solidFill>
                <a:schemeClr val="accent2"/>
              </a:solidFill>
              <a:round/>
            </a:ln>
            <a:effectLst/>
          </c:spPr>
          <c:marker>
            <c:symbol val="none"/>
          </c:marker>
          <c:cat>
            <c:numRef>
              <c:f>'Forward Curves_Same Index_SOFR'!$E$9:$E$129</c:f>
              <c:numCache>
                <c:formatCode>m/d/yyyy</c:formatCode>
                <c:ptCount val="121"/>
                <c:pt idx="0">
                  <c:v>44592</c:v>
                </c:pt>
                <c:pt idx="1">
                  <c:v>44620</c:v>
                </c:pt>
                <c:pt idx="2">
                  <c:v>44651</c:v>
                </c:pt>
                <c:pt idx="3">
                  <c:v>44680</c:v>
                </c:pt>
                <c:pt idx="4">
                  <c:v>44712</c:v>
                </c:pt>
                <c:pt idx="5">
                  <c:v>44742</c:v>
                </c:pt>
                <c:pt idx="6">
                  <c:v>44771</c:v>
                </c:pt>
                <c:pt idx="7">
                  <c:v>44804</c:v>
                </c:pt>
                <c:pt idx="8">
                  <c:v>44834</c:v>
                </c:pt>
                <c:pt idx="9">
                  <c:v>44865</c:v>
                </c:pt>
                <c:pt idx="10">
                  <c:v>44895</c:v>
                </c:pt>
                <c:pt idx="11">
                  <c:v>44925</c:v>
                </c:pt>
                <c:pt idx="12">
                  <c:v>44957</c:v>
                </c:pt>
                <c:pt idx="13">
                  <c:v>44985</c:v>
                </c:pt>
                <c:pt idx="14">
                  <c:v>45016</c:v>
                </c:pt>
                <c:pt idx="15">
                  <c:v>45044</c:v>
                </c:pt>
                <c:pt idx="16">
                  <c:v>45077</c:v>
                </c:pt>
                <c:pt idx="17">
                  <c:v>45107</c:v>
                </c:pt>
                <c:pt idx="18">
                  <c:v>45138</c:v>
                </c:pt>
                <c:pt idx="19">
                  <c:v>45169</c:v>
                </c:pt>
                <c:pt idx="20">
                  <c:v>45198</c:v>
                </c:pt>
                <c:pt idx="21">
                  <c:v>45230</c:v>
                </c:pt>
                <c:pt idx="22">
                  <c:v>45260</c:v>
                </c:pt>
                <c:pt idx="23">
                  <c:v>45289</c:v>
                </c:pt>
                <c:pt idx="24">
                  <c:v>45322</c:v>
                </c:pt>
                <c:pt idx="25">
                  <c:v>45351</c:v>
                </c:pt>
                <c:pt idx="26">
                  <c:v>45379</c:v>
                </c:pt>
                <c:pt idx="27">
                  <c:v>45412</c:v>
                </c:pt>
                <c:pt idx="28">
                  <c:v>45443</c:v>
                </c:pt>
                <c:pt idx="29">
                  <c:v>45471</c:v>
                </c:pt>
                <c:pt idx="30">
                  <c:v>45504</c:v>
                </c:pt>
                <c:pt idx="31">
                  <c:v>45534</c:v>
                </c:pt>
                <c:pt idx="32">
                  <c:v>45565</c:v>
                </c:pt>
                <c:pt idx="33">
                  <c:v>45596</c:v>
                </c:pt>
                <c:pt idx="34">
                  <c:v>45625</c:v>
                </c:pt>
                <c:pt idx="35">
                  <c:v>45657</c:v>
                </c:pt>
                <c:pt idx="36">
                  <c:v>45688</c:v>
                </c:pt>
                <c:pt idx="37">
                  <c:v>45716</c:v>
                </c:pt>
                <c:pt idx="38">
                  <c:v>45747</c:v>
                </c:pt>
                <c:pt idx="39">
                  <c:v>45777</c:v>
                </c:pt>
                <c:pt idx="40">
                  <c:v>45807</c:v>
                </c:pt>
                <c:pt idx="41">
                  <c:v>45838</c:v>
                </c:pt>
                <c:pt idx="42">
                  <c:v>45869</c:v>
                </c:pt>
                <c:pt idx="43">
                  <c:v>45898</c:v>
                </c:pt>
                <c:pt idx="44">
                  <c:v>45930</c:v>
                </c:pt>
                <c:pt idx="45">
                  <c:v>45961</c:v>
                </c:pt>
                <c:pt idx="46">
                  <c:v>45989</c:v>
                </c:pt>
                <c:pt idx="47">
                  <c:v>46022</c:v>
                </c:pt>
                <c:pt idx="48">
                  <c:v>46052</c:v>
                </c:pt>
                <c:pt idx="49">
                  <c:v>46080</c:v>
                </c:pt>
                <c:pt idx="50">
                  <c:v>46112</c:v>
                </c:pt>
                <c:pt idx="51">
                  <c:v>46142</c:v>
                </c:pt>
                <c:pt idx="52">
                  <c:v>46171</c:v>
                </c:pt>
                <c:pt idx="53">
                  <c:v>46203</c:v>
                </c:pt>
                <c:pt idx="54">
                  <c:v>46234</c:v>
                </c:pt>
                <c:pt idx="55">
                  <c:v>46265</c:v>
                </c:pt>
                <c:pt idx="56">
                  <c:v>46295</c:v>
                </c:pt>
                <c:pt idx="57">
                  <c:v>46325</c:v>
                </c:pt>
                <c:pt idx="58">
                  <c:v>46356</c:v>
                </c:pt>
                <c:pt idx="59">
                  <c:v>46387</c:v>
                </c:pt>
                <c:pt idx="60">
                  <c:v>46416</c:v>
                </c:pt>
                <c:pt idx="61">
                  <c:v>46444</c:v>
                </c:pt>
                <c:pt idx="62">
                  <c:v>46477</c:v>
                </c:pt>
                <c:pt idx="63">
                  <c:v>46507</c:v>
                </c:pt>
                <c:pt idx="64">
                  <c:v>46538</c:v>
                </c:pt>
                <c:pt idx="65">
                  <c:v>46568</c:v>
                </c:pt>
                <c:pt idx="66">
                  <c:v>46598</c:v>
                </c:pt>
                <c:pt idx="67">
                  <c:v>46630</c:v>
                </c:pt>
                <c:pt idx="68">
                  <c:v>46660</c:v>
                </c:pt>
                <c:pt idx="69">
                  <c:v>46689</c:v>
                </c:pt>
                <c:pt idx="70">
                  <c:v>46721</c:v>
                </c:pt>
                <c:pt idx="71">
                  <c:v>46752</c:v>
                </c:pt>
                <c:pt idx="72">
                  <c:v>46783</c:v>
                </c:pt>
                <c:pt idx="73">
                  <c:v>46812</c:v>
                </c:pt>
                <c:pt idx="74">
                  <c:v>46843</c:v>
                </c:pt>
                <c:pt idx="75">
                  <c:v>46871</c:v>
                </c:pt>
                <c:pt idx="76">
                  <c:v>46904</c:v>
                </c:pt>
                <c:pt idx="77">
                  <c:v>46934</c:v>
                </c:pt>
                <c:pt idx="78">
                  <c:v>46965</c:v>
                </c:pt>
                <c:pt idx="79">
                  <c:v>46996</c:v>
                </c:pt>
                <c:pt idx="80">
                  <c:v>47025</c:v>
                </c:pt>
                <c:pt idx="81">
                  <c:v>47057</c:v>
                </c:pt>
                <c:pt idx="82">
                  <c:v>47087</c:v>
                </c:pt>
                <c:pt idx="83">
                  <c:v>47116</c:v>
                </c:pt>
                <c:pt idx="84">
                  <c:v>47149</c:v>
                </c:pt>
                <c:pt idx="85">
                  <c:v>47177</c:v>
                </c:pt>
                <c:pt idx="86">
                  <c:v>47207</c:v>
                </c:pt>
                <c:pt idx="87">
                  <c:v>47238</c:v>
                </c:pt>
                <c:pt idx="88">
                  <c:v>47269</c:v>
                </c:pt>
                <c:pt idx="89">
                  <c:v>47298</c:v>
                </c:pt>
                <c:pt idx="90">
                  <c:v>47330</c:v>
                </c:pt>
                <c:pt idx="91">
                  <c:v>47361</c:v>
                </c:pt>
                <c:pt idx="92">
                  <c:v>47389</c:v>
                </c:pt>
                <c:pt idx="93">
                  <c:v>47422</c:v>
                </c:pt>
                <c:pt idx="94">
                  <c:v>47452</c:v>
                </c:pt>
                <c:pt idx="95">
                  <c:v>47483</c:v>
                </c:pt>
                <c:pt idx="96">
                  <c:v>47514</c:v>
                </c:pt>
                <c:pt idx="97">
                  <c:v>47542</c:v>
                </c:pt>
                <c:pt idx="98">
                  <c:v>47571</c:v>
                </c:pt>
                <c:pt idx="99">
                  <c:v>47603</c:v>
                </c:pt>
                <c:pt idx="100">
                  <c:v>47634</c:v>
                </c:pt>
                <c:pt idx="101">
                  <c:v>47662</c:v>
                </c:pt>
                <c:pt idx="102">
                  <c:v>47695</c:v>
                </c:pt>
                <c:pt idx="103">
                  <c:v>47725</c:v>
                </c:pt>
                <c:pt idx="104">
                  <c:v>47756</c:v>
                </c:pt>
                <c:pt idx="105">
                  <c:v>47787</c:v>
                </c:pt>
                <c:pt idx="106">
                  <c:v>47816</c:v>
                </c:pt>
                <c:pt idx="107">
                  <c:v>47848</c:v>
                </c:pt>
                <c:pt idx="108">
                  <c:v>47879</c:v>
                </c:pt>
                <c:pt idx="109">
                  <c:v>47907</c:v>
                </c:pt>
                <c:pt idx="110">
                  <c:v>47938</c:v>
                </c:pt>
                <c:pt idx="111">
                  <c:v>47968</c:v>
                </c:pt>
                <c:pt idx="112">
                  <c:v>47998</c:v>
                </c:pt>
                <c:pt idx="113">
                  <c:v>48029</c:v>
                </c:pt>
                <c:pt idx="114">
                  <c:v>48060</c:v>
                </c:pt>
                <c:pt idx="115">
                  <c:v>48089</c:v>
                </c:pt>
                <c:pt idx="116">
                  <c:v>48121</c:v>
                </c:pt>
                <c:pt idx="117">
                  <c:v>48152</c:v>
                </c:pt>
                <c:pt idx="118">
                  <c:v>48180</c:v>
                </c:pt>
                <c:pt idx="119">
                  <c:v>48213</c:v>
                </c:pt>
                <c:pt idx="120">
                  <c:v>48243</c:v>
                </c:pt>
              </c:numCache>
            </c:numRef>
          </c:cat>
          <c:val>
            <c:numRef>
              <c:f>'Forward Curves_Same Index_SOFR'!$I$9:$I$129</c:f>
              <c:numCache>
                <c:formatCode>General</c:formatCode>
                <c:ptCount val="121"/>
                <c:pt idx="3" formatCode="0.000%">
                  <c:v>6.7109812290999703E-3</c:v>
                </c:pt>
                <c:pt idx="4" formatCode="0.000%">
                  <c:v>9.5445279427872603E-3</c:v>
                </c:pt>
                <c:pt idx="5" formatCode="0.000%">
                  <c:v>1.20218000419717E-2</c:v>
                </c:pt>
                <c:pt idx="6" formatCode="0.000%">
                  <c:v>1.5490631112778101E-2</c:v>
                </c:pt>
                <c:pt idx="7" formatCode="0.000%">
                  <c:v>1.6800014769298599E-2</c:v>
                </c:pt>
                <c:pt idx="8" formatCode="0.000%">
                  <c:v>2.1196568132223901E-2</c:v>
                </c:pt>
                <c:pt idx="9" formatCode="0.000%">
                  <c:v>2.16156695575025E-2</c:v>
                </c:pt>
                <c:pt idx="10" formatCode="0.000%">
                  <c:v>2.2806050404271101E-2</c:v>
                </c:pt>
                <c:pt idx="11" formatCode="0.000%">
                  <c:v>2.5584972588437199E-2</c:v>
                </c:pt>
                <c:pt idx="12" formatCode="0.000%">
                  <c:v>2.5582247320986701E-2</c:v>
                </c:pt>
                <c:pt idx="13" formatCode="0.000%">
                  <c:v>2.7180590314128401E-2</c:v>
                </c:pt>
                <c:pt idx="14" formatCode="0.000%">
                  <c:v>2.9025078644539799E-2</c:v>
                </c:pt>
                <c:pt idx="15" formatCode="0.000%">
                  <c:v>2.9029755935505702E-2</c:v>
                </c:pt>
                <c:pt idx="16" formatCode="0.000%">
                  <c:v>2.9510245926855E-2</c:v>
                </c:pt>
                <c:pt idx="17" formatCode="0.000%">
                  <c:v>3.06382243099875E-2</c:v>
                </c:pt>
                <c:pt idx="18" formatCode="0.000%">
                  <c:v>3.06382243099875E-2</c:v>
                </c:pt>
                <c:pt idx="19" formatCode="0.000%">
                  <c:v>3.06550474988702E-2</c:v>
                </c:pt>
                <c:pt idx="20" formatCode="0.000%">
                  <c:v>3.0592627845362898E-2</c:v>
                </c:pt>
                <c:pt idx="21" formatCode="0.000%">
                  <c:v>3.0377042921473099E-2</c:v>
                </c:pt>
                <c:pt idx="22" formatCode="0.000%">
                  <c:v>3.0122537562861599E-2</c:v>
                </c:pt>
                <c:pt idx="23" formatCode="0.000%">
                  <c:v>2.9814910767234401E-2</c:v>
                </c:pt>
                <c:pt idx="24" formatCode="0.000%">
                  <c:v>2.94243337144004E-2</c:v>
                </c:pt>
                <c:pt idx="25" formatCode="0.000%">
                  <c:v>2.9027026337966302E-2</c:v>
                </c:pt>
                <c:pt idx="26" formatCode="0.000%">
                  <c:v>2.8567850265952498E-2</c:v>
                </c:pt>
                <c:pt idx="27" formatCode="0.000%">
                  <c:v>2.8063845939081799E-2</c:v>
                </c:pt>
                <c:pt idx="28" formatCode="0.000%">
                  <c:v>2.7604331196782201E-2</c:v>
                </c:pt>
                <c:pt idx="29" formatCode="0.000%">
                  <c:v>2.7170285875987299E-2</c:v>
                </c:pt>
                <c:pt idx="30" formatCode="0.000%">
                  <c:v>2.6701722081828201E-2</c:v>
                </c:pt>
                <c:pt idx="31" formatCode="0.000%">
                  <c:v>2.6277575342339699E-2</c:v>
                </c:pt>
                <c:pt idx="32" formatCode="0.000%">
                  <c:v>2.5864600220971E-2</c:v>
                </c:pt>
                <c:pt idx="33" formatCode="0.000%">
                  <c:v>2.5464843228437398E-2</c:v>
                </c:pt>
                <c:pt idx="34" formatCode="0.000%">
                  <c:v>2.50872388700157E-2</c:v>
                </c:pt>
                <c:pt idx="35" formatCode="0.000%">
                  <c:v>2.46964962039809E-2</c:v>
                </c:pt>
                <c:pt idx="36" formatCode="0.000%">
                  <c:v>2.43465368020255E-2</c:v>
                </c:pt>
                <c:pt idx="37" formatCode="0.000%">
                  <c:v>2.4028261631692201E-2</c:v>
                </c:pt>
                <c:pt idx="38" formatCode="0.000%">
                  <c:v>2.3679714130736301E-2</c:v>
                </c:pt>
                <c:pt idx="39" formatCode="0.000%">
                  <c:v>2.33645321797127E-2</c:v>
                </c:pt>
                <c:pt idx="40" formatCode="0.000%">
                  <c:v>2.3057913723240099E-2</c:v>
                </c:pt>
                <c:pt idx="41" formatCode="0.000%">
                  <c:v>2.2762897092437801E-2</c:v>
                </c:pt>
                <c:pt idx="42" formatCode="0.000%">
                  <c:v>2.2481066550576499E-2</c:v>
                </c:pt>
                <c:pt idx="43" formatCode="0.000%">
                  <c:v>2.2218863820199799E-2</c:v>
                </c:pt>
                <c:pt idx="44" formatCode="0.000%">
                  <c:v>2.1954988641301298E-2</c:v>
                </c:pt>
                <c:pt idx="45" formatCode="0.000%">
                  <c:v>2.1716024539471902E-2</c:v>
                </c:pt>
                <c:pt idx="46" formatCode="0.000%">
                  <c:v>2.1496854101436699E-2</c:v>
                </c:pt>
                <c:pt idx="47" formatCode="0.000%">
                  <c:v>2.1266689861289701E-2</c:v>
                </c:pt>
                <c:pt idx="48" formatCode="0.000%">
                  <c:v>2.1073215382354502E-2</c:v>
                </c:pt>
                <c:pt idx="49" formatCode="0.000%">
                  <c:v>2.0898963574297501E-2</c:v>
                </c:pt>
                <c:pt idx="50" formatCode="0.000%">
                  <c:v>2.0709071968898499E-2</c:v>
                </c:pt>
                <c:pt idx="51" formatCode="0.000%">
                  <c:v>2.0550577851369801E-2</c:v>
                </c:pt>
                <c:pt idx="52" formatCode="0.000%">
                  <c:v>2.0403871621098101E-2</c:v>
                </c:pt>
                <c:pt idx="53" formatCode="0.000%">
                  <c:v>2.0261602691344499E-2</c:v>
                </c:pt>
                <c:pt idx="54" formatCode="0.000%">
                  <c:v>2.0138529589425001E-2</c:v>
                </c:pt>
                <c:pt idx="55" formatCode="0.000%">
                  <c:v>2.0020340233902999E-2</c:v>
                </c:pt>
                <c:pt idx="56" formatCode="0.000%">
                  <c:v>1.9928125488242202E-2</c:v>
                </c:pt>
                <c:pt idx="57" formatCode="0.000%">
                  <c:v>1.98445396660877E-2</c:v>
                </c:pt>
                <c:pt idx="58" formatCode="0.000%">
                  <c:v>1.97729277347376E-2</c:v>
                </c:pt>
                <c:pt idx="59" formatCode="0.000%">
                  <c:v>1.97144627967955E-2</c:v>
                </c:pt>
                <c:pt idx="60" formatCode="0.000%">
                  <c:v>1.96716742469004E-2</c:v>
                </c:pt>
                <c:pt idx="61" formatCode="0.000%">
                  <c:v>1.9641912061792201E-2</c:v>
                </c:pt>
                <c:pt idx="62" formatCode="0.000%">
                  <c:v>1.9619431391696199E-2</c:v>
                </c:pt>
                <c:pt idx="63" formatCode="0.000%">
                  <c:v>1.9603052103067401E-2</c:v>
                </c:pt>
                <c:pt idx="64" formatCode="0.000%">
                  <c:v>1.95874712403761E-2</c:v>
                </c:pt>
                <c:pt idx="65" formatCode="0.000%">
                  <c:v>1.9573504638631601E-2</c:v>
                </c:pt>
                <c:pt idx="66" formatCode="0.000%">
                  <c:v>1.9560330207013001E-2</c:v>
                </c:pt>
                <c:pt idx="67" formatCode="0.000%">
                  <c:v>1.9545311694676201E-2</c:v>
                </c:pt>
                <c:pt idx="68" formatCode="0.000%">
                  <c:v>1.95329928373583E-2</c:v>
                </c:pt>
                <c:pt idx="69" formatCode="0.000%">
                  <c:v>1.9522297925537099E-2</c:v>
                </c:pt>
                <c:pt idx="70" formatCode="0.000%">
                  <c:v>1.9510139893689899E-2</c:v>
                </c:pt>
                <c:pt idx="71" formatCode="0.000%">
                  <c:v>1.9499778012317701E-2</c:v>
                </c:pt>
                <c:pt idx="72" formatCode="0.000%">
                  <c:v>1.94890301456726E-2</c:v>
                </c:pt>
                <c:pt idx="73" formatCode="0.000%">
                  <c:v>1.9480298671717699E-2</c:v>
                </c:pt>
                <c:pt idx="74" formatCode="0.000%">
                  <c:v>1.9471260084060801E-2</c:v>
                </c:pt>
                <c:pt idx="75" formatCode="0.000%">
                  <c:v>1.9465673298414098E-2</c:v>
                </c:pt>
                <c:pt idx="76" formatCode="0.000%">
                  <c:v>1.94571409482815E-2</c:v>
                </c:pt>
                <c:pt idx="77" formatCode="0.000%">
                  <c:v>1.9451248388570999E-2</c:v>
                </c:pt>
                <c:pt idx="78" formatCode="0.000%">
                  <c:v>1.9445429831662499E-2</c:v>
                </c:pt>
                <c:pt idx="79" formatCode="0.000%">
                  <c:v>1.9439424382969601E-2</c:v>
                </c:pt>
                <c:pt idx="80" formatCode="0.000%">
                  <c:v>1.9436191910437099E-2</c:v>
                </c:pt>
                <c:pt idx="81" formatCode="0.000%">
                  <c:v>1.94318842813157E-2</c:v>
                </c:pt>
                <c:pt idx="82" formatCode="0.000%">
                  <c:v>1.9428484143265101E-2</c:v>
                </c:pt>
                <c:pt idx="83" formatCode="0.000%">
                  <c:v>1.9427274286448099E-2</c:v>
                </c:pt>
                <c:pt idx="84" formatCode="0.000%">
                  <c:v>1.9424040877558699E-2</c:v>
                </c:pt>
                <c:pt idx="85" formatCode="0.000%">
                  <c:v>1.9423186005437101E-2</c:v>
                </c:pt>
                <c:pt idx="86" formatCode="0.000%">
                  <c:v>1.9423985594594999E-2</c:v>
                </c:pt>
                <c:pt idx="87" formatCode="0.000%">
                  <c:v>1.9424412067481401E-2</c:v>
                </c:pt>
                <c:pt idx="88" formatCode="0.000%">
                  <c:v>1.9425018200212502E-2</c:v>
                </c:pt>
                <c:pt idx="89" formatCode="0.000%">
                  <c:v>1.9427855554124698E-2</c:v>
                </c:pt>
                <c:pt idx="90" formatCode="0.000%">
                  <c:v>1.9430496020819001E-2</c:v>
                </c:pt>
                <c:pt idx="91" formatCode="0.000%">
                  <c:v>1.9432024559794099E-2</c:v>
                </c:pt>
                <c:pt idx="92" formatCode="0.000%">
                  <c:v>1.9437354446715901E-2</c:v>
                </c:pt>
                <c:pt idx="93" formatCode="0.000%">
                  <c:v>1.94417080576521E-2</c:v>
                </c:pt>
                <c:pt idx="94" formatCode="0.000%">
                  <c:v>1.94475267363949E-2</c:v>
                </c:pt>
                <c:pt idx="95" formatCode="0.000%">
                  <c:v>1.9453612251583399E-2</c:v>
                </c:pt>
                <c:pt idx="96" formatCode="0.000%">
                  <c:v>1.9458482450161199E-2</c:v>
                </c:pt>
                <c:pt idx="97" formatCode="0.000%">
                  <c:v>1.9465202618974099E-2</c:v>
                </c:pt>
                <c:pt idx="98" formatCode="0.000%">
                  <c:v>1.9474768824593099E-2</c:v>
                </c:pt>
                <c:pt idx="99" formatCode="0.000%">
                  <c:v>1.94832083567054E-2</c:v>
                </c:pt>
                <c:pt idx="100" formatCode="0.000%">
                  <c:v>1.94913746199833E-2</c:v>
                </c:pt>
                <c:pt idx="101" formatCode="0.000%">
                  <c:v>1.95026843691142E-2</c:v>
                </c:pt>
                <c:pt idx="102" formatCode="0.000%">
                  <c:v>1.9513611492024002E-2</c:v>
                </c:pt>
                <c:pt idx="103" formatCode="0.000%">
                  <c:v>1.9525606707430702E-2</c:v>
                </c:pt>
                <c:pt idx="104" formatCode="0.000%">
                  <c:v>1.95372293300453E-2</c:v>
                </c:pt>
                <c:pt idx="105" formatCode="0.000%">
                  <c:v>1.9549540269478E-2</c:v>
                </c:pt>
                <c:pt idx="106" formatCode="0.000%">
                  <c:v>1.9563911291185902E-2</c:v>
                </c:pt>
                <c:pt idx="107" formatCode="0.000%">
                  <c:v>1.9578839993344199E-2</c:v>
                </c:pt>
                <c:pt idx="108" formatCode="0.000%">
                  <c:v>1.9591670834279901E-2</c:v>
                </c:pt>
                <c:pt idx="109" formatCode="0.000%">
                  <c:v>1.96059661986294E-2</c:v>
                </c:pt>
                <c:pt idx="110" formatCode="0.000%">
                  <c:v>1.96240880329475E-2</c:v>
                </c:pt>
                <c:pt idx="111" formatCode="0.000%">
                  <c:v>1.9640762760743301E-2</c:v>
                </c:pt>
                <c:pt idx="112" formatCode="0.000%">
                  <c:v>1.9658937698107198E-2</c:v>
                </c:pt>
                <c:pt idx="113" formatCode="0.000%">
                  <c:v>1.9676725565664001E-2</c:v>
                </c:pt>
                <c:pt idx="114" formatCode="0.000%">
                  <c:v>1.9695201090584799E-2</c:v>
                </c:pt>
                <c:pt idx="115" formatCode="0.000%">
                  <c:v>1.9715659671718198E-2</c:v>
                </c:pt>
                <c:pt idx="116" formatCode="0.000%">
                  <c:v>1.9736181986227001E-2</c:v>
                </c:pt>
                <c:pt idx="117" formatCode="0.000%">
                  <c:v>1.9755839369591601E-2</c:v>
                </c:pt>
                <c:pt idx="118" formatCode="0.000%">
                  <c:v>1.9778520941933098E-2</c:v>
                </c:pt>
                <c:pt idx="119" formatCode="0.000%">
                  <c:v>1.9801913053853201E-2</c:v>
                </c:pt>
                <c:pt idx="120" formatCode="0.000%">
                  <c:v>1.9822838739243901E-2</c:v>
                </c:pt>
              </c:numCache>
            </c:numRef>
          </c:val>
          <c:smooth val="0"/>
          <c:extLst>
            <c:ext xmlns:c16="http://schemas.microsoft.com/office/drawing/2014/chart" uri="{C3380CC4-5D6E-409C-BE32-E72D297353CC}">
              <c16:uniqueId val="{00000003-B358-42A8-AE1B-A97195E32C08}"/>
            </c:ext>
          </c:extLst>
        </c:ser>
        <c:ser>
          <c:idx val="5"/>
          <c:order val="2"/>
          <c:tx>
            <c:strRef>
              <c:f>'Forward Curves_Same Index_SOFR'!$K$8</c:f>
              <c:strCache>
                <c:ptCount val="1"/>
                <c:pt idx="0">
                  <c:v>As of 05/05/2022</c:v>
                </c:pt>
              </c:strCache>
            </c:strRef>
          </c:tx>
          <c:spPr>
            <a:ln w="28575" cap="rnd">
              <a:solidFill>
                <a:schemeClr val="tx2"/>
              </a:solidFill>
              <a:round/>
            </a:ln>
            <a:effectLst/>
          </c:spPr>
          <c:marker>
            <c:symbol val="none"/>
          </c:marker>
          <c:cat>
            <c:numRef>
              <c:f>'Forward Curves_Same Index_SOFR'!$E$9:$E$129</c:f>
              <c:numCache>
                <c:formatCode>m/d/yyyy</c:formatCode>
                <c:ptCount val="121"/>
                <c:pt idx="0">
                  <c:v>44592</c:v>
                </c:pt>
                <c:pt idx="1">
                  <c:v>44620</c:v>
                </c:pt>
                <c:pt idx="2">
                  <c:v>44651</c:v>
                </c:pt>
                <c:pt idx="3">
                  <c:v>44680</c:v>
                </c:pt>
                <c:pt idx="4">
                  <c:v>44712</c:v>
                </c:pt>
                <c:pt idx="5">
                  <c:v>44742</c:v>
                </c:pt>
                <c:pt idx="6">
                  <c:v>44771</c:v>
                </c:pt>
                <c:pt idx="7">
                  <c:v>44804</c:v>
                </c:pt>
                <c:pt idx="8">
                  <c:v>44834</c:v>
                </c:pt>
                <c:pt idx="9">
                  <c:v>44865</c:v>
                </c:pt>
                <c:pt idx="10">
                  <c:v>44895</c:v>
                </c:pt>
                <c:pt idx="11">
                  <c:v>44925</c:v>
                </c:pt>
                <c:pt idx="12">
                  <c:v>44957</c:v>
                </c:pt>
                <c:pt idx="13">
                  <c:v>44985</c:v>
                </c:pt>
                <c:pt idx="14">
                  <c:v>45016</c:v>
                </c:pt>
                <c:pt idx="15">
                  <c:v>45044</c:v>
                </c:pt>
                <c:pt idx="16">
                  <c:v>45077</c:v>
                </c:pt>
                <c:pt idx="17">
                  <c:v>45107</c:v>
                </c:pt>
                <c:pt idx="18">
                  <c:v>45138</c:v>
                </c:pt>
                <c:pt idx="19">
                  <c:v>45169</c:v>
                </c:pt>
                <c:pt idx="20">
                  <c:v>45198</c:v>
                </c:pt>
                <c:pt idx="21">
                  <c:v>45230</c:v>
                </c:pt>
                <c:pt idx="22">
                  <c:v>45260</c:v>
                </c:pt>
                <c:pt idx="23">
                  <c:v>45289</c:v>
                </c:pt>
                <c:pt idx="24">
                  <c:v>45322</c:v>
                </c:pt>
                <c:pt idx="25">
                  <c:v>45351</c:v>
                </c:pt>
                <c:pt idx="26">
                  <c:v>45379</c:v>
                </c:pt>
                <c:pt idx="27">
                  <c:v>45412</c:v>
                </c:pt>
                <c:pt idx="28">
                  <c:v>45443</c:v>
                </c:pt>
                <c:pt idx="29">
                  <c:v>45471</c:v>
                </c:pt>
                <c:pt idx="30">
                  <c:v>45504</c:v>
                </c:pt>
                <c:pt idx="31">
                  <c:v>45534</c:v>
                </c:pt>
                <c:pt idx="32">
                  <c:v>45565</c:v>
                </c:pt>
                <c:pt idx="33">
                  <c:v>45596</c:v>
                </c:pt>
                <c:pt idx="34">
                  <c:v>45625</c:v>
                </c:pt>
                <c:pt idx="35">
                  <c:v>45657</c:v>
                </c:pt>
                <c:pt idx="36">
                  <c:v>45688</c:v>
                </c:pt>
                <c:pt idx="37">
                  <c:v>45716</c:v>
                </c:pt>
                <c:pt idx="38">
                  <c:v>45747</c:v>
                </c:pt>
                <c:pt idx="39">
                  <c:v>45777</c:v>
                </c:pt>
                <c:pt idx="40">
                  <c:v>45807</c:v>
                </c:pt>
                <c:pt idx="41">
                  <c:v>45838</c:v>
                </c:pt>
                <c:pt idx="42">
                  <c:v>45869</c:v>
                </c:pt>
                <c:pt idx="43">
                  <c:v>45898</c:v>
                </c:pt>
                <c:pt idx="44">
                  <c:v>45930</c:v>
                </c:pt>
                <c:pt idx="45">
                  <c:v>45961</c:v>
                </c:pt>
                <c:pt idx="46">
                  <c:v>45989</c:v>
                </c:pt>
                <c:pt idx="47">
                  <c:v>46022</c:v>
                </c:pt>
                <c:pt idx="48">
                  <c:v>46052</c:v>
                </c:pt>
                <c:pt idx="49">
                  <c:v>46080</c:v>
                </c:pt>
                <c:pt idx="50">
                  <c:v>46112</c:v>
                </c:pt>
                <c:pt idx="51">
                  <c:v>46142</c:v>
                </c:pt>
                <c:pt idx="52">
                  <c:v>46171</c:v>
                </c:pt>
                <c:pt idx="53">
                  <c:v>46203</c:v>
                </c:pt>
                <c:pt idx="54">
                  <c:v>46234</c:v>
                </c:pt>
                <c:pt idx="55">
                  <c:v>46265</c:v>
                </c:pt>
                <c:pt idx="56">
                  <c:v>46295</c:v>
                </c:pt>
                <c:pt idx="57">
                  <c:v>46325</c:v>
                </c:pt>
                <c:pt idx="58">
                  <c:v>46356</c:v>
                </c:pt>
                <c:pt idx="59">
                  <c:v>46387</c:v>
                </c:pt>
                <c:pt idx="60">
                  <c:v>46416</c:v>
                </c:pt>
                <c:pt idx="61">
                  <c:v>46444</c:v>
                </c:pt>
                <c:pt idx="62">
                  <c:v>46477</c:v>
                </c:pt>
                <c:pt idx="63">
                  <c:v>46507</c:v>
                </c:pt>
                <c:pt idx="64">
                  <c:v>46538</c:v>
                </c:pt>
                <c:pt idx="65">
                  <c:v>46568</c:v>
                </c:pt>
                <c:pt idx="66">
                  <c:v>46598</c:v>
                </c:pt>
                <c:pt idx="67">
                  <c:v>46630</c:v>
                </c:pt>
                <c:pt idx="68">
                  <c:v>46660</c:v>
                </c:pt>
                <c:pt idx="69">
                  <c:v>46689</c:v>
                </c:pt>
                <c:pt idx="70">
                  <c:v>46721</c:v>
                </c:pt>
                <c:pt idx="71">
                  <c:v>46752</c:v>
                </c:pt>
                <c:pt idx="72">
                  <c:v>46783</c:v>
                </c:pt>
                <c:pt idx="73">
                  <c:v>46812</c:v>
                </c:pt>
                <c:pt idx="74">
                  <c:v>46843</c:v>
                </c:pt>
                <c:pt idx="75">
                  <c:v>46871</c:v>
                </c:pt>
                <c:pt idx="76">
                  <c:v>46904</c:v>
                </c:pt>
                <c:pt idx="77">
                  <c:v>46934</c:v>
                </c:pt>
                <c:pt idx="78">
                  <c:v>46965</c:v>
                </c:pt>
                <c:pt idx="79">
                  <c:v>46996</c:v>
                </c:pt>
                <c:pt idx="80">
                  <c:v>47025</c:v>
                </c:pt>
                <c:pt idx="81">
                  <c:v>47057</c:v>
                </c:pt>
                <c:pt idx="82">
                  <c:v>47087</c:v>
                </c:pt>
                <c:pt idx="83">
                  <c:v>47116</c:v>
                </c:pt>
                <c:pt idx="84">
                  <c:v>47149</c:v>
                </c:pt>
                <c:pt idx="85">
                  <c:v>47177</c:v>
                </c:pt>
                <c:pt idx="86">
                  <c:v>47207</c:v>
                </c:pt>
                <c:pt idx="87">
                  <c:v>47238</c:v>
                </c:pt>
                <c:pt idx="88">
                  <c:v>47269</c:v>
                </c:pt>
                <c:pt idx="89">
                  <c:v>47298</c:v>
                </c:pt>
                <c:pt idx="90">
                  <c:v>47330</c:v>
                </c:pt>
                <c:pt idx="91">
                  <c:v>47361</c:v>
                </c:pt>
                <c:pt idx="92">
                  <c:v>47389</c:v>
                </c:pt>
                <c:pt idx="93">
                  <c:v>47422</c:v>
                </c:pt>
                <c:pt idx="94">
                  <c:v>47452</c:v>
                </c:pt>
                <c:pt idx="95">
                  <c:v>47483</c:v>
                </c:pt>
                <c:pt idx="96">
                  <c:v>47514</c:v>
                </c:pt>
                <c:pt idx="97">
                  <c:v>47542</c:v>
                </c:pt>
                <c:pt idx="98">
                  <c:v>47571</c:v>
                </c:pt>
                <c:pt idx="99">
                  <c:v>47603</c:v>
                </c:pt>
                <c:pt idx="100">
                  <c:v>47634</c:v>
                </c:pt>
                <c:pt idx="101">
                  <c:v>47662</c:v>
                </c:pt>
                <c:pt idx="102">
                  <c:v>47695</c:v>
                </c:pt>
                <c:pt idx="103">
                  <c:v>47725</c:v>
                </c:pt>
                <c:pt idx="104">
                  <c:v>47756</c:v>
                </c:pt>
                <c:pt idx="105">
                  <c:v>47787</c:v>
                </c:pt>
                <c:pt idx="106">
                  <c:v>47816</c:v>
                </c:pt>
                <c:pt idx="107">
                  <c:v>47848</c:v>
                </c:pt>
                <c:pt idx="108">
                  <c:v>47879</c:v>
                </c:pt>
                <c:pt idx="109">
                  <c:v>47907</c:v>
                </c:pt>
                <c:pt idx="110">
                  <c:v>47938</c:v>
                </c:pt>
                <c:pt idx="111">
                  <c:v>47968</c:v>
                </c:pt>
                <c:pt idx="112">
                  <c:v>47998</c:v>
                </c:pt>
                <c:pt idx="113">
                  <c:v>48029</c:v>
                </c:pt>
                <c:pt idx="114">
                  <c:v>48060</c:v>
                </c:pt>
                <c:pt idx="115">
                  <c:v>48089</c:v>
                </c:pt>
                <c:pt idx="116">
                  <c:v>48121</c:v>
                </c:pt>
                <c:pt idx="117">
                  <c:v>48152</c:v>
                </c:pt>
                <c:pt idx="118">
                  <c:v>48180</c:v>
                </c:pt>
                <c:pt idx="119">
                  <c:v>48213</c:v>
                </c:pt>
                <c:pt idx="120">
                  <c:v>48243</c:v>
                </c:pt>
              </c:numCache>
            </c:numRef>
          </c:cat>
          <c:val>
            <c:numRef>
              <c:f>'Forward Curves_Same Index_SOFR'!$K$9:$K$129</c:f>
              <c:numCache>
                <c:formatCode>General</c:formatCode>
                <c:ptCount val="121"/>
                <c:pt idx="4" formatCode="0.000%">
                  <c:v>1.0582274430803699E-2</c:v>
                </c:pt>
                <c:pt idx="5" formatCode="0.000%">
                  <c:v>1.3753528156462001E-2</c:v>
                </c:pt>
                <c:pt idx="6" formatCode="0.000%">
                  <c:v>1.8018524999137701E-2</c:v>
                </c:pt>
                <c:pt idx="7" formatCode="0.000%">
                  <c:v>1.9278593914078698E-2</c:v>
                </c:pt>
                <c:pt idx="8" formatCode="0.000%">
                  <c:v>2.21610527209785E-2</c:v>
                </c:pt>
                <c:pt idx="9" formatCode="0.000%">
                  <c:v>2.5718554537219201E-2</c:v>
                </c:pt>
                <c:pt idx="10" formatCode="0.000%">
                  <c:v>2.66353790798135E-2</c:v>
                </c:pt>
                <c:pt idx="11" formatCode="0.000%">
                  <c:v>2.8489695949205199E-2</c:v>
                </c:pt>
                <c:pt idx="12" formatCode="0.000%">
                  <c:v>2.8486317050325002E-2</c:v>
                </c:pt>
                <c:pt idx="13" formatCode="0.000%">
                  <c:v>2.99522371193204E-2</c:v>
                </c:pt>
                <c:pt idx="14" formatCode="0.000%">
                  <c:v>3.1643890581562098E-2</c:v>
                </c:pt>
                <c:pt idx="15" formatCode="0.000%">
                  <c:v>3.1649449650881199E-2</c:v>
                </c:pt>
                <c:pt idx="16" formatCode="0.000%">
                  <c:v>3.2017113421028802E-2</c:v>
                </c:pt>
                <c:pt idx="17" formatCode="0.000%">
                  <c:v>3.2883026202989697E-2</c:v>
                </c:pt>
                <c:pt idx="18" formatCode="0.000%">
                  <c:v>3.2883026202989697E-2</c:v>
                </c:pt>
                <c:pt idx="19" formatCode="0.000%">
                  <c:v>3.2812659707166597E-2</c:v>
                </c:pt>
                <c:pt idx="20" formatCode="0.000%">
                  <c:v>3.2461754853451097E-2</c:v>
                </c:pt>
                <c:pt idx="21" formatCode="0.000%">
                  <c:v>3.2146330780156197E-2</c:v>
                </c:pt>
                <c:pt idx="22" formatCode="0.000%">
                  <c:v>3.1859962857605E-2</c:v>
                </c:pt>
                <c:pt idx="23" formatCode="0.000%">
                  <c:v>3.1582037539361799E-2</c:v>
                </c:pt>
                <c:pt idx="24" formatCode="0.000%">
                  <c:v>3.1289756005682103E-2</c:v>
                </c:pt>
                <c:pt idx="25" formatCode="0.000%">
                  <c:v>3.10392791200997E-2</c:v>
                </c:pt>
                <c:pt idx="26" formatCode="0.000%">
                  <c:v>3.0791277769114399E-2</c:v>
                </c:pt>
                <c:pt idx="27" formatCode="0.000%">
                  <c:v>3.0528228585101399E-2</c:v>
                </c:pt>
                <c:pt idx="28" formatCode="0.000%">
                  <c:v>3.0290225076553701E-2</c:v>
                </c:pt>
                <c:pt idx="29" formatCode="0.000%">
                  <c:v>3.00704136080365E-2</c:v>
                </c:pt>
                <c:pt idx="30" formatCode="0.000%">
                  <c:v>2.9831672521710002E-2</c:v>
                </c:pt>
                <c:pt idx="31" formatCode="0.000%">
                  <c:v>2.96186073449866E-2</c:v>
                </c:pt>
                <c:pt idx="32" formatCode="0.000%">
                  <c:v>2.9411335993456699E-2</c:v>
                </c:pt>
                <c:pt idx="33" formatCode="0.000%">
                  <c:v>2.9212371700164701E-2</c:v>
                </c:pt>
                <c:pt idx="34" formatCode="0.000%">
                  <c:v>2.9028324206494201E-2</c:v>
                </c:pt>
                <c:pt idx="35" formatCode="0.000%">
                  <c:v>2.8838255259987299E-2</c:v>
                </c:pt>
                <c:pt idx="36" formatCode="0.000%">
                  <c:v>2.8667615068917102E-2</c:v>
                </c:pt>
                <c:pt idx="37" formatCode="0.000%">
                  <c:v>2.8516156497718E-2</c:v>
                </c:pt>
                <c:pt idx="38" formatCode="0.000%">
                  <c:v>2.8353869709497399E-2</c:v>
                </c:pt>
                <c:pt idx="39" formatCode="0.000%">
                  <c:v>2.8207838282205501E-2</c:v>
                </c:pt>
                <c:pt idx="40" formatCode="0.000%">
                  <c:v>2.8068691936864201E-2</c:v>
                </c:pt>
                <c:pt idx="41" formatCode="0.000%">
                  <c:v>2.7935584270262701E-2</c:v>
                </c:pt>
                <c:pt idx="42" formatCode="0.000%">
                  <c:v>2.7810767477886099E-2</c:v>
                </c:pt>
                <c:pt idx="43" formatCode="0.000%">
                  <c:v>2.7699324598375999E-2</c:v>
                </c:pt>
                <c:pt idx="44" formatCode="0.000%">
                  <c:v>2.7587541353994102E-2</c:v>
                </c:pt>
                <c:pt idx="45" formatCode="0.000%">
                  <c:v>2.7488176869665499E-2</c:v>
                </c:pt>
                <c:pt idx="46" formatCode="0.000%">
                  <c:v>2.74035799812807E-2</c:v>
                </c:pt>
                <c:pt idx="47" formatCode="0.000%">
                  <c:v>2.7314739956711499E-2</c:v>
                </c:pt>
                <c:pt idx="48" formatCode="0.000%">
                  <c:v>2.7242241036958E-2</c:v>
                </c:pt>
                <c:pt idx="49" formatCode="0.000%">
                  <c:v>2.7181375140383799E-2</c:v>
                </c:pt>
                <c:pt idx="50" formatCode="0.000%">
                  <c:v>2.7120669869876001E-2</c:v>
                </c:pt>
                <c:pt idx="51" formatCode="0.000%">
                  <c:v>2.70716863151741E-2</c:v>
                </c:pt>
                <c:pt idx="52" formatCode="0.000%">
                  <c:v>2.7032937864336901E-2</c:v>
                </c:pt>
                <c:pt idx="53" formatCode="0.000%">
                  <c:v>2.69976451565981E-2</c:v>
                </c:pt>
                <c:pt idx="54" formatCode="0.000%">
                  <c:v>2.6971157543922101E-2</c:v>
                </c:pt>
                <c:pt idx="55" formatCode="0.000%">
                  <c:v>2.6955591354243E-2</c:v>
                </c:pt>
                <c:pt idx="56" formatCode="0.000%">
                  <c:v>2.69480901043231E-2</c:v>
                </c:pt>
                <c:pt idx="57" formatCode="0.000%">
                  <c:v>2.69492962427752E-2</c:v>
                </c:pt>
                <c:pt idx="58" formatCode="0.000%">
                  <c:v>2.6956709621481799E-2</c:v>
                </c:pt>
                <c:pt idx="59" formatCode="0.000%">
                  <c:v>2.69723901443518E-2</c:v>
                </c:pt>
                <c:pt idx="60" formatCode="0.000%">
                  <c:v>2.6994444898478201E-2</c:v>
                </c:pt>
                <c:pt idx="61" formatCode="0.000%">
                  <c:v>2.7030688174423698E-2</c:v>
                </c:pt>
                <c:pt idx="62" formatCode="0.000%">
                  <c:v>2.7071675512379701E-2</c:v>
                </c:pt>
                <c:pt idx="63" formatCode="0.000%">
                  <c:v>2.7116136701792502E-2</c:v>
                </c:pt>
                <c:pt idx="64" formatCode="0.000%">
                  <c:v>2.7173921373938401E-2</c:v>
                </c:pt>
                <c:pt idx="65" formatCode="0.000%">
                  <c:v>2.7222130929986901E-2</c:v>
                </c:pt>
                <c:pt idx="66" formatCode="0.000%">
                  <c:v>2.7274863978607199E-2</c:v>
                </c:pt>
                <c:pt idx="67" formatCode="0.000%">
                  <c:v>2.7324178455632599E-2</c:v>
                </c:pt>
                <c:pt idx="68" formatCode="0.000%">
                  <c:v>2.7368098109538601E-2</c:v>
                </c:pt>
                <c:pt idx="69" formatCode="0.000%">
                  <c:v>2.74166866711252E-2</c:v>
                </c:pt>
                <c:pt idx="70" formatCode="0.000%">
                  <c:v>2.7463584896834099E-2</c:v>
                </c:pt>
                <c:pt idx="71" formatCode="0.000%">
                  <c:v>2.7511653056187999E-2</c:v>
                </c:pt>
                <c:pt idx="72" formatCode="0.000%">
                  <c:v>2.7553480397508798E-2</c:v>
                </c:pt>
                <c:pt idx="73" formatCode="0.000%">
                  <c:v>2.75951474953222E-2</c:v>
                </c:pt>
                <c:pt idx="74" formatCode="0.000%">
                  <c:v>2.7637071621339399E-2</c:v>
                </c:pt>
                <c:pt idx="75" formatCode="0.000%">
                  <c:v>2.7682749707304801E-2</c:v>
                </c:pt>
                <c:pt idx="76" formatCode="0.000%">
                  <c:v>2.7723911832157298E-2</c:v>
                </c:pt>
                <c:pt idx="77" formatCode="0.000%">
                  <c:v>2.7765351849944199E-2</c:v>
                </c:pt>
                <c:pt idx="78" formatCode="0.000%">
                  <c:v>2.78055064920717E-2</c:v>
                </c:pt>
                <c:pt idx="79" formatCode="0.000%">
                  <c:v>2.78413712998399E-2</c:v>
                </c:pt>
                <c:pt idx="80" formatCode="0.000%">
                  <c:v>2.7880696598978801E-2</c:v>
                </c:pt>
                <c:pt idx="81" formatCode="0.000%">
                  <c:v>2.7917757265504901E-2</c:v>
                </c:pt>
                <c:pt idx="82" formatCode="0.000%">
                  <c:v>2.7951557535933799E-2</c:v>
                </c:pt>
                <c:pt idx="83" formatCode="0.000%">
                  <c:v>2.7988371273703599E-2</c:v>
                </c:pt>
                <c:pt idx="84" formatCode="0.000%">
                  <c:v>2.80205936788115E-2</c:v>
                </c:pt>
                <c:pt idx="85" formatCode="0.000%">
                  <c:v>2.8051357081548201E-2</c:v>
                </c:pt>
                <c:pt idx="86" formatCode="0.000%">
                  <c:v>2.8090976006285299E-2</c:v>
                </c:pt>
                <c:pt idx="87" formatCode="0.000%">
                  <c:v>2.8119082364755198E-2</c:v>
                </c:pt>
                <c:pt idx="88" formatCode="0.000%">
                  <c:v>2.8148922543126401E-2</c:v>
                </c:pt>
                <c:pt idx="89" formatCode="0.000%">
                  <c:v>2.8180709563948001E-2</c:v>
                </c:pt>
                <c:pt idx="90" formatCode="0.000%">
                  <c:v>2.8211355684590399E-2</c:v>
                </c:pt>
                <c:pt idx="91" formatCode="0.000%">
                  <c:v>2.8235454467021401E-2</c:v>
                </c:pt>
                <c:pt idx="92" formatCode="0.000%">
                  <c:v>2.8265372799232399E-2</c:v>
                </c:pt>
                <c:pt idx="93" formatCode="0.000%">
                  <c:v>2.82926421032084E-2</c:v>
                </c:pt>
                <c:pt idx="94" formatCode="0.000%">
                  <c:v>2.8319492251787901E-2</c:v>
                </c:pt>
                <c:pt idx="95" formatCode="0.000%">
                  <c:v>2.8344772798192499E-2</c:v>
                </c:pt>
                <c:pt idx="96" formatCode="0.000%">
                  <c:v>2.8364660175704999E-2</c:v>
                </c:pt>
                <c:pt idx="97" formatCode="0.000%">
                  <c:v>2.8385958874007199E-2</c:v>
                </c:pt>
                <c:pt idx="98" formatCode="0.000%">
                  <c:v>2.8411686613274902E-2</c:v>
                </c:pt>
                <c:pt idx="99" formatCode="0.000%">
                  <c:v>2.8432775614065001E-2</c:v>
                </c:pt>
                <c:pt idx="100" formatCode="0.000%">
                  <c:v>2.8450828038886801E-2</c:v>
                </c:pt>
                <c:pt idx="101" formatCode="0.000%">
                  <c:v>2.8473336902775499E-2</c:v>
                </c:pt>
                <c:pt idx="102" formatCode="0.000%">
                  <c:v>2.8492371461298099E-2</c:v>
                </c:pt>
                <c:pt idx="103" formatCode="0.000%">
                  <c:v>2.8511524072367098E-2</c:v>
                </c:pt>
                <c:pt idx="104" formatCode="0.000%">
                  <c:v>2.8527563528198699E-2</c:v>
                </c:pt>
                <c:pt idx="105" formatCode="0.000%">
                  <c:v>2.85427386191189E-2</c:v>
                </c:pt>
                <c:pt idx="106" formatCode="0.000%">
                  <c:v>2.8560192189993401E-2</c:v>
                </c:pt>
                <c:pt idx="107" formatCode="0.000%">
                  <c:v>2.8575483126569601E-2</c:v>
                </c:pt>
                <c:pt idx="108" formatCode="0.000%">
                  <c:v>2.85853435141597E-2</c:v>
                </c:pt>
                <c:pt idx="109" formatCode="0.000%">
                  <c:v>2.8597176896179698E-2</c:v>
                </c:pt>
                <c:pt idx="110" formatCode="0.000%">
                  <c:v>2.86120792585756E-2</c:v>
                </c:pt>
                <c:pt idx="111" formatCode="0.000%">
                  <c:v>2.86230647172383E-2</c:v>
                </c:pt>
                <c:pt idx="112" formatCode="0.000%">
                  <c:v>2.8634514091351801E-2</c:v>
                </c:pt>
                <c:pt idx="113" formatCode="0.000%">
                  <c:v>2.8642830785284599E-2</c:v>
                </c:pt>
                <c:pt idx="114" formatCode="0.000%">
                  <c:v>2.8650284305436698E-2</c:v>
                </c:pt>
                <c:pt idx="115" formatCode="0.000%">
                  <c:v>2.8660167728156299E-2</c:v>
                </c:pt>
                <c:pt idx="116" formatCode="0.000%">
                  <c:v>2.8666122357206399E-2</c:v>
                </c:pt>
                <c:pt idx="117" formatCode="0.000%">
                  <c:v>2.8669745080041699E-2</c:v>
                </c:pt>
                <c:pt idx="118" formatCode="0.000%">
                  <c:v>2.86781497497029E-2</c:v>
                </c:pt>
                <c:pt idx="119" formatCode="0.000%">
                  <c:v>2.86815733887433E-2</c:v>
                </c:pt>
                <c:pt idx="120" formatCode="0.000%">
                  <c:v>2.8682539363097601E-2</c:v>
                </c:pt>
              </c:numCache>
            </c:numRef>
          </c:val>
          <c:smooth val="0"/>
          <c:extLst>
            <c:ext xmlns:c16="http://schemas.microsoft.com/office/drawing/2014/chart" uri="{C3380CC4-5D6E-409C-BE32-E72D297353CC}">
              <c16:uniqueId val="{00000005-B358-42A8-AE1B-A97195E32C08}"/>
            </c:ext>
          </c:extLst>
        </c:ser>
        <c:dLbls>
          <c:showLegendKey val="0"/>
          <c:showVal val="0"/>
          <c:showCatName val="0"/>
          <c:showSerName val="0"/>
          <c:showPercent val="0"/>
          <c:showBubbleSize val="0"/>
        </c:dLbls>
        <c:smooth val="0"/>
        <c:axId val="1166863759"/>
        <c:axId val="1166877487"/>
      </c:lineChart>
      <c:dateAx>
        <c:axId val="1166863759"/>
        <c:scaling>
          <c:orientation val="minMax"/>
          <c:max val="46507"/>
        </c:scaling>
        <c:delete val="0"/>
        <c:axPos val="b"/>
        <c:numFmt formatCode="[$-409]mmm\-yy;@" sourceLinked="0"/>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6877487"/>
        <c:crosses val="autoZero"/>
        <c:auto val="1"/>
        <c:lblOffset val="100"/>
        <c:baseTimeUnit val="days"/>
        <c:majorUnit val="12"/>
        <c:majorTimeUnit val="months"/>
      </c:dateAx>
      <c:valAx>
        <c:axId val="1166877487"/>
        <c:scaling>
          <c:orientation val="minMax"/>
          <c:max val="4.0000000000000008E-2"/>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6863759"/>
        <c:crosses val="autoZero"/>
        <c:crossBetween val="between"/>
      </c:valAx>
      <c:spPr>
        <a:noFill/>
        <a:ln>
          <a:noFill/>
        </a:ln>
        <a:effectLst/>
      </c:spPr>
    </c:plotArea>
    <c:legend>
      <c:legendPos val="b"/>
      <c:layout>
        <c:manualLayout>
          <c:xMode val="edge"/>
          <c:yMode val="edge"/>
          <c:x val="0.14039865082654143"/>
          <c:y val="0.90451271716035497"/>
          <c:w val="0.72163915365842435"/>
          <c:h val="6.5725378077740287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200" b="1" i="0" u="none" strike="noStrike" kern="1200" spc="0" baseline="0">
                <a:solidFill>
                  <a:schemeClr val="tx1"/>
                </a:solidFill>
                <a:latin typeface="+mn-lt"/>
                <a:ea typeface="+mn-ea"/>
                <a:cs typeface="+mn-cs"/>
              </a:defRPr>
            </a:pPr>
            <a:r>
              <a:rPr lang="en-US" sz="1200" b="1" i="0" u="none" strike="noStrike" baseline="0">
                <a:solidFill>
                  <a:schemeClr val="tx1"/>
                </a:solidFill>
                <a:effectLst/>
              </a:rPr>
              <a:t>1mo. USD LIBOR forward curves over time</a:t>
            </a:r>
            <a:endParaRPr lang="en-US" sz="1200" b="1">
              <a:solidFill>
                <a:schemeClr val="tx1"/>
              </a:solidFill>
            </a:endParaRPr>
          </a:p>
        </c:rich>
      </c:tx>
      <c:layout>
        <c:manualLayout>
          <c:xMode val="edge"/>
          <c:yMode val="edge"/>
          <c:x val="0.25849155375523036"/>
          <c:y val="5.4869684499314125E-3"/>
        </c:manualLayout>
      </c:layout>
      <c:overlay val="0"/>
      <c:spPr>
        <a:noFill/>
        <a:ln>
          <a:noFill/>
        </a:ln>
        <a:effectLst/>
      </c:spPr>
      <c:txPr>
        <a:bodyPr rot="0" spcFirstLastPara="1" vertOverflow="ellipsis" vert="horz" wrap="square" anchor="ctr" anchorCtr="1"/>
        <a:lstStyle/>
        <a:p>
          <a:pPr>
            <a:defRPr sz="1200" b="1" i="0" u="none" strike="noStrike" kern="1200" spc="0" baseline="0">
              <a:solidFill>
                <a:schemeClr val="tx1"/>
              </a:solidFill>
              <a:latin typeface="+mn-lt"/>
              <a:ea typeface="+mn-ea"/>
              <a:cs typeface="+mn-cs"/>
            </a:defRPr>
          </a:pPr>
          <a:endParaRPr lang="en-US"/>
        </a:p>
      </c:txPr>
    </c:title>
    <c:autoTitleDeleted val="0"/>
    <c:plotArea>
      <c:layout>
        <c:manualLayout>
          <c:layoutTarget val="inner"/>
          <c:xMode val="edge"/>
          <c:yMode val="edge"/>
          <c:x val="7.9615431842949461E-2"/>
          <c:y val="0.11949404761904764"/>
          <c:w val="0.89358144924866845"/>
          <c:h val="0.69661018935133112"/>
        </c:manualLayout>
      </c:layout>
      <c:lineChart>
        <c:grouping val="standard"/>
        <c:varyColors val="0"/>
        <c:ser>
          <c:idx val="0"/>
          <c:order val="0"/>
          <c:tx>
            <c:strRef>
              <c:f>'Forward Curves_Same Index_LIBOR'!$F$8</c:f>
              <c:strCache>
                <c:ptCount val="1"/>
                <c:pt idx="0">
                  <c:v>As of 01/01/2022</c:v>
                </c:pt>
              </c:strCache>
            </c:strRef>
          </c:tx>
          <c:spPr>
            <a:ln w="28575" cap="rnd">
              <a:solidFill>
                <a:schemeClr val="accent1"/>
              </a:solidFill>
              <a:round/>
            </a:ln>
            <a:effectLst/>
          </c:spPr>
          <c:marker>
            <c:symbol val="none"/>
          </c:marker>
          <c:cat>
            <c:numRef>
              <c:f>'Forward Curves_Same Index_LIBOR'!$E$9:$E$129</c:f>
              <c:numCache>
                <c:formatCode>m/d/yyyy</c:formatCode>
                <c:ptCount val="121"/>
                <c:pt idx="0">
                  <c:v>44592</c:v>
                </c:pt>
                <c:pt idx="1">
                  <c:v>44620</c:v>
                </c:pt>
                <c:pt idx="2">
                  <c:v>44651</c:v>
                </c:pt>
                <c:pt idx="3">
                  <c:v>44680</c:v>
                </c:pt>
                <c:pt idx="4">
                  <c:v>44712</c:v>
                </c:pt>
                <c:pt idx="5">
                  <c:v>44742</c:v>
                </c:pt>
                <c:pt idx="6">
                  <c:v>44771</c:v>
                </c:pt>
                <c:pt idx="7">
                  <c:v>44804</c:v>
                </c:pt>
                <c:pt idx="8">
                  <c:v>44834</c:v>
                </c:pt>
                <c:pt idx="9">
                  <c:v>44865</c:v>
                </c:pt>
                <c:pt idx="10">
                  <c:v>44895</c:v>
                </c:pt>
                <c:pt idx="11">
                  <c:v>44925</c:v>
                </c:pt>
                <c:pt idx="12">
                  <c:v>44957</c:v>
                </c:pt>
                <c:pt idx="13">
                  <c:v>44985</c:v>
                </c:pt>
                <c:pt idx="14">
                  <c:v>45016</c:v>
                </c:pt>
                <c:pt idx="15">
                  <c:v>45044</c:v>
                </c:pt>
                <c:pt idx="16">
                  <c:v>45077</c:v>
                </c:pt>
                <c:pt idx="17">
                  <c:v>45107</c:v>
                </c:pt>
                <c:pt idx="18">
                  <c:v>45138</c:v>
                </c:pt>
                <c:pt idx="19">
                  <c:v>45169</c:v>
                </c:pt>
                <c:pt idx="20">
                  <c:v>45198</c:v>
                </c:pt>
                <c:pt idx="21">
                  <c:v>45230</c:v>
                </c:pt>
                <c:pt idx="22">
                  <c:v>45260</c:v>
                </c:pt>
                <c:pt idx="23">
                  <c:v>45289</c:v>
                </c:pt>
                <c:pt idx="24">
                  <c:v>45322</c:v>
                </c:pt>
                <c:pt idx="25">
                  <c:v>45351</c:v>
                </c:pt>
                <c:pt idx="26">
                  <c:v>45379</c:v>
                </c:pt>
                <c:pt idx="27">
                  <c:v>45412</c:v>
                </c:pt>
                <c:pt idx="28">
                  <c:v>45443</c:v>
                </c:pt>
                <c:pt idx="29">
                  <c:v>45471</c:v>
                </c:pt>
                <c:pt idx="30">
                  <c:v>45504</c:v>
                </c:pt>
                <c:pt idx="31">
                  <c:v>45534</c:v>
                </c:pt>
                <c:pt idx="32">
                  <c:v>45565</c:v>
                </c:pt>
                <c:pt idx="33">
                  <c:v>45596</c:v>
                </c:pt>
                <c:pt idx="34">
                  <c:v>45625</c:v>
                </c:pt>
                <c:pt idx="35">
                  <c:v>45657</c:v>
                </c:pt>
                <c:pt idx="36">
                  <c:v>45688</c:v>
                </c:pt>
                <c:pt idx="37">
                  <c:v>45716</c:v>
                </c:pt>
                <c:pt idx="38">
                  <c:v>45747</c:v>
                </c:pt>
                <c:pt idx="39">
                  <c:v>45777</c:v>
                </c:pt>
                <c:pt idx="40">
                  <c:v>45807</c:v>
                </c:pt>
                <c:pt idx="41">
                  <c:v>45838</c:v>
                </c:pt>
                <c:pt idx="42">
                  <c:v>45869</c:v>
                </c:pt>
                <c:pt idx="43">
                  <c:v>45898</c:v>
                </c:pt>
                <c:pt idx="44">
                  <c:v>45930</c:v>
                </c:pt>
                <c:pt idx="45">
                  <c:v>45961</c:v>
                </c:pt>
                <c:pt idx="46">
                  <c:v>45989</c:v>
                </c:pt>
                <c:pt idx="47">
                  <c:v>46022</c:v>
                </c:pt>
                <c:pt idx="48">
                  <c:v>46052</c:v>
                </c:pt>
                <c:pt idx="49">
                  <c:v>46080</c:v>
                </c:pt>
                <c:pt idx="50">
                  <c:v>46112</c:v>
                </c:pt>
                <c:pt idx="51">
                  <c:v>46142</c:v>
                </c:pt>
                <c:pt idx="52">
                  <c:v>46171</c:v>
                </c:pt>
                <c:pt idx="53">
                  <c:v>46203</c:v>
                </c:pt>
                <c:pt idx="54">
                  <c:v>46234</c:v>
                </c:pt>
                <c:pt idx="55">
                  <c:v>46265</c:v>
                </c:pt>
                <c:pt idx="56">
                  <c:v>46295</c:v>
                </c:pt>
                <c:pt idx="57">
                  <c:v>46325</c:v>
                </c:pt>
                <c:pt idx="58">
                  <c:v>46356</c:v>
                </c:pt>
                <c:pt idx="59">
                  <c:v>46387</c:v>
                </c:pt>
                <c:pt idx="60">
                  <c:v>46416</c:v>
                </c:pt>
                <c:pt idx="61">
                  <c:v>46444</c:v>
                </c:pt>
                <c:pt idx="62">
                  <c:v>46477</c:v>
                </c:pt>
                <c:pt idx="63">
                  <c:v>46507</c:v>
                </c:pt>
                <c:pt idx="64">
                  <c:v>46538</c:v>
                </c:pt>
                <c:pt idx="65">
                  <c:v>46568</c:v>
                </c:pt>
                <c:pt idx="66">
                  <c:v>46598</c:v>
                </c:pt>
                <c:pt idx="67">
                  <c:v>46630</c:v>
                </c:pt>
                <c:pt idx="68">
                  <c:v>46660</c:v>
                </c:pt>
                <c:pt idx="69">
                  <c:v>46689</c:v>
                </c:pt>
                <c:pt idx="70">
                  <c:v>46721</c:v>
                </c:pt>
                <c:pt idx="71">
                  <c:v>46752</c:v>
                </c:pt>
                <c:pt idx="72">
                  <c:v>46783</c:v>
                </c:pt>
                <c:pt idx="73">
                  <c:v>46812</c:v>
                </c:pt>
                <c:pt idx="74">
                  <c:v>46843</c:v>
                </c:pt>
                <c:pt idx="75">
                  <c:v>46871</c:v>
                </c:pt>
                <c:pt idx="76">
                  <c:v>46904</c:v>
                </c:pt>
                <c:pt idx="77">
                  <c:v>46934</c:v>
                </c:pt>
                <c:pt idx="78">
                  <c:v>46965</c:v>
                </c:pt>
                <c:pt idx="79">
                  <c:v>46996</c:v>
                </c:pt>
                <c:pt idx="80">
                  <c:v>47025</c:v>
                </c:pt>
                <c:pt idx="81">
                  <c:v>47057</c:v>
                </c:pt>
                <c:pt idx="82">
                  <c:v>47087</c:v>
                </c:pt>
                <c:pt idx="83">
                  <c:v>47116</c:v>
                </c:pt>
                <c:pt idx="84">
                  <c:v>47149</c:v>
                </c:pt>
                <c:pt idx="85">
                  <c:v>47177</c:v>
                </c:pt>
                <c:pt idx="86">
                  <c:v>47207</c:v>
                </c:pt>
                <c:pt idx="87">
                  <c:v>47238</c:v>
                </c:pt>
                <c:pt idx="88">
                  <c:v>47269</c:v>
                </c:pt>
                <c:pt idx="89">
                  <c:v>47298</c:v>
                </c:pt>
                <c:pt idx="90">
                  <c:v>47330</c:v>
                </c:pt>
                <c:pt idx="91">
                  <c:v>47361</c:v>
                </c:pt>
                <c:pt idx="92">
                  <c:v>47389</c:v>
                </c:pt>
                <c:pt idx="93">
                  <c:v>47422</c:v>
                </c:pt>
                <c:pt idx="94">
                  <c:v>47452</c:v>
                </c:pt>
                <c:pt idx="95">
                  <c:v>47483</c:v>
                </c:pt>
                <c:pt idx="96">
                  <c:v>47514</c:v>
                </c:pt>
                <c:pt idx="97">
                  <c:v>47542</c:v>
                </c:pt>
                <c:pt idx="98">
                  <c:v>47571</c:v>
                </c:pt>
                <c:pt idx="99">
                  <c:v>47603</c:v>
                </c:pt>
                <c:pt idx="100">
                  <c:v>47634</c:v>
                </c:pt>
                <c:pt idx="101">
                  <c:v>47662</c:v>
                </c:pt>
                <c:pt idx="102">
                  <c:v>47695</c:v>
                </c:pt>
                <c:pt idx="103">
                  <c:v>47725</c:v>
                </c:pt>
                <c:pt idx="104">
                  <c:v>47756</c:v>
                </c:pt>
                <c:pt idx="105">
                  <c:v>47787</c:v>
                </c:pt>
                <c:pt idx="106">
                  <c:v>47816</c:v>
                </c:pt>
                <c:pt idx="107">
                  <c:v>47848</c:v>
                </c:pt>
                <c:pt idx="108">
                  <c:v>47879</c:v>
                </c:pt>
                <c:pt idx="109">
                  <c:v>47907</c:v>
                </c:pt>
                <c:pt idx="110">
                  <c:v>47938</c:v>
                </c:pt>
                <c:pt idx="111">
                  <c:v>47968</c:v>
                </c:pt>
                <c:pt idx="112">
                  <c:v>47998</c:v>
                </c:pt>
                <c:pt idx="113">
                  <c:v>48029</c:v>
                </c:pt>
                <c:pt idx="114">
                  <c:v>48060</c:v>
                </c:pt>
                <c:pt idx="115">
                  <c:v>48089</c:v>
                </c:pt>
                <c:pt idx="116">
                  <c:v>48121</c:v>
                </c:pt>
                <c:pt idx="117">
                  <c:v>48152</c:v>
                </c:pt>
                <c:pt idx="118">
                  <c:v>48180</c:v>
                </c:pt>
                <c:pt idx="119">
                  <c:v>48213</c:v>
                </c:pt>
                <c:pt idx="120">
                  <c:v>48243</c:v>
                </c:pt>
              </c:numCache>
            </c:numRef>
          </c:cat>
          <c:val>
            <c:numRef>
              <c:f>'Forward Curves_Same Index_LIBOR'!$F$9:$F$129</c:f>
            </c:numRef>
          </c:val>
          <c:smooth val="0"/>
          <c:extLst>
            <c:ext xmlns:c16="http://schemas.microsoft.com/office/drawing/2014/chart" uri="{C3380CC4-5D6E-409C-BE32-E72D297353CC}">
              <c16:uniqueId val="{00000000-046C-4887-8D44-E71AC54BD5A5}"/>
            </c:ext>
          </c:extLst>
        </c:ser>
        <c:ser>
          <c:idx val="1"/>
          <c:order val="1"/>
          <c:tx>
            <c:strRef>
              <c:f>'Forward Curves_Same Index_LIBOR'!$G$8</c:f>
              <c:strCache>
                <c:ptCount val="1"/>
                <c:pt idx="0">
                  <c:v>As of 02/01/2022</c:v>
                </c:pt>
              </c:strCache>
            </c:strRef>
          </c:tx>
          <c:spPr>
            <a:ln w="28575" cap="rnd">
              <a:solidFill>
                <a:schemeClr val="accent2"/>
              </a:solidFill>
              <a:round/>
            </a:ln>
            <a:effectLst/>
          </c:spPr>
          <c:marker>
            <c:symbol val="none"/>
          </c:marker>
          <c:cat>
            <c:numRef>
              <c:f>'Forward Curves_Same Index_LIBOR'!$E$9:$E$129</c:f>
              <c:numCache>
                <c:formatCode>m/d/yyyy</c:formatCode>
                <c:ptCount val="121"/>
                <c:pt idx="0">
                  <c:v>44592</c:v>
                </c:pt>
                <c:pt idx="1">
                  <c:v>44620</c:v>
                </c:pt>
                <c:pt idx="2">
                  <c:v>44651</c:v>
                </c:pt>
                <c:pt idx="3">
                  <c:v>44680</c:v>
                </c:pt>
                <c:pt idx="4">
                  <c:v>44712</c:v>
                </c:pt>
                <c:pt idx="5">
                  <c:v>44742</c:v>
                </c:pt>
                <c:pt idx="6">
                  <c:v>44771</c:v>
                </c:pt>
                <c:pt idx="7">
                  <c:v>44804</c:v>
                </c:pt>
                <c:pt idx="8">
                  <c:v>44834</c:v>
                </c:pt>
                <c:pt idx="9">
                  <c:v>44865</c:v>
                </c:pt>
                <c:pt idx="10">
                  <c:v>44895</c:v>
                </c:pt>
                <c:pt idx="11">
                  <c:v>44925</c:v>
                </c:pt>
                <c:pt idx="12">
                  <c:v>44957</c:v>
                </c:pt>
                <c:pt idx="13">
                  <c:v>44985</c:v>
                </c:pt>
                <c:pt idx="14">
                  <c:v>45016</c:v>
                </c:pt>
                <c:pt idx="15">
                  <c:v>45044</c:v>
                </c:pt>
                <c:pt idx="16">
                  <c:v>45077</c:v>
                </c:pt>
                <c:pt idx="17">
                  <c:v>45107</c:v>
                </c:pt>
                <c:pt idx="18">
                  <c:v>45138</c:v>
                </c:pt>
                <c:pt idx="19">
                  <c:v>45169</c:v>
                </c:pt>
                <c:pt idx="20">
                  <c:v>45198</c:v>
                </c:pt>
                <c:pt idx="21">
                  <c:v>45230</c:v>
                </c:pt>
                <c:pt idx="22">
                  <c:v>45260</c:v>
                </c:pt>
                <c:pt idx="23">
                  <c:v>45289</c:v>
                </c:pt>
                <c:pt idx="24">
                  <c:v>45322</c:v>
                </c:pt>
                <c:pt idx="25">
                  <c:v>45351</c:v>
                </c:pt>
                <c:pt idx="26">
                  <c:v>45379</c:v>
                </c:pt>
                <c:pt idx="27">
                  <c:v>45412</c:v>
                </c:pt>
                <c:pt idx="28">
                  <c:v>45443</c:v>
                </c:pt>
                <c:pt idx="29">
                  <c:v>45471</c:v>
                </c:pt>
                <c:pt idx="30">
                  <c:v>45504</c:v>
                </c:pt>
                <c:pt idx="31">
                  <c:v>45534</c:v>
                </c:pt>
                <c:pt idx="32">
                  <c:v>45565</c:v>
                </c:pt>
                <c:pt idx="33">
                  <c:v>45596</c:v>
                </c:pt>
                <c:pt idx="34">
                  <c:v>45625</c:v>
                </c:pt>
                <c:pt idx="35">
                  <c:v>45657</c:v>
                </c:pt>
                <c:pt idx="36">
                  <c:v>45688</c:v>
                </c:pt>
                <c:pt idx="37">
                  <c:v>45716</c:v>
                </c:pt>
                <c:pt idx="38">
                  <c:v>45747</c:v>
                </c:pt>
                <c:pt idx="39">
                  <c:v>45777</c:v>
                </c:pt>
                <c:pt idx="40">
                  <c:v>45807</c:v>
                </c:pt>
                <c:pt idx="41">
                  <c:v>45838</c:v>
                </c:pt>
                <c:pt idx="42">
                  <c:v>45869</c:v>
                </c:pt>
                <c:pt idx="43">
                  <c:v>45898</c:v>
                </c:pt>
                <c:pt idx="44">
                  <c:v>45930</c:v>
                </c:pt>
                <c:pt idx="45">
                  <c:v>45961</c:v>
                </c:pt>
                <c:pt idx="46">
                  <c:v>45989</c:v>
                </c:pt>
                <c:pt idx="47">
                  <c:v>46022</c:v>
                </c:pt>
                <c:pt idx="48">
                  <c:v>46052</c:v>
                </c:pt>
                <c:pt idx="49">
                  <c:v>46080</c:v>
                </c:pt>
                <c:pt idx="50">
                  <c:v>46112</c:v>
                </c:pt>
                <c:pt idx="51">
                  <c:v>46142</c:v>
                </c:pt>
                <c:pt idx="52">
                  <c:v>46171</c:v>
                </c:pt>
                <c:pt idx="53">
                  <c:v>46203</c:v>
                </c:pt>
                <c:pt idx="54">
                  <c:v>46234</c:v>
                </c:pt>
                <c:pt idx="55">
                  <c:v>46265</c:v>
                </c:pt>
                <c:pt idx="56">
                  <c:v>46295</c:v>
                </c:pt>
                <c:pt idx="57">
                  <c:v>46325</c:v>
                </c:pt>
                <c:pt idx="58">
                  <c:v>46356</c:v>
                </c:pt>
                <c:pt idx="59">
                  <c:v>46387</c:v>
                </c:pt>
                <c:pt idx="60">
                  <c:v>46416</c:v>
                </c:pt>
                <c:pt idx="61">
                  <c:v>46444</c:v>
                </c:pt>
                <c:pt idx="62">
                  <c:v>46477</c:v>
                </c:pt>
                <c:pt idx="63">
                  <c:v>46507</c:v>
                </c:pt>
                <c:pt idx="64">
                  <c:v>46538</c:v>
                </c:pt>
                <c:pt idx="65">
                  <c:v>46568</c:v>
                </c:pt>
                <c:pt idx="66">
                  <c:v>46598</c:v>
                </c:pt>
                <c:pt idx="67">
                  <c:v>46630</c:v>
                </c:pt>
                <c:pt idx="68">
                  <c:v>46660</c:v>
                </c:pt>
                <c:pt idx="69">
                  <c:v>46689</c:v>
                </c:pt>
                <c:pt idx="70">
                  <c:v>46721</c:v>
                </c:pt>
                <c:pt idx="71">
                  <c:v>46752</c:v>
                </c:pt>
                <c:pt idx="72">
                  <c:v>46783</c:v>
                </c:pt>
                <c:pt idx="73">
                  <c:v>46812</c:v>
                </c:pt>
                <c:pt idx="74">
                  <c:v>46843</c:v>
                </c:pt>
                <c:pt idx="75">
                  <c:v>46871</c:v>
                </c:pt>
                <c:pt idx="76">
                  <c:v>46904</c:v>
                </c:pt>
                <c:pt idx="77">
                  <c:v>46934</c:v>
                </c:pt>
                <c:pt idx="78">
                  <c:v>46965</c:v>
                </c:pt>
                <c:pt idx="79">
                  <c:v>46996</c:v>
                </c:pt>
                <c:pt idx="80">
                  <c:v>47025</c:v>
                </c:pt>
                <c:pt idx="81">
                  <c:v>47057</c:v>
                </c:pt>
                <c:pt idx="82">
                  <c:v>47087</c:v>
                </c:pt>
                <c:pt idx="83">
                  <c:v>47116</c:v>
                </c:pt>
                <c:pt idx="84">
                  <c:v>47149</c:v>
                </c:pt>
                <c:pt idx="85">
                  <c:v>47177</c:v>
                </c:pt>
                <c:pt idx="86">
                  <c:v>47207</c:v>
                </c:pt>
                <c:pt idx="87">
                  <c:v>47238</c:v>
                </c:pt>
                <c:pt idx="88">
                  <c:v>47269</c:v>
                </c:pt>
                <c:pt idx="89">
                  <c:v>47298</c:v>
                </c:pt>
                <c:pt idx="90">
                  <c:v>47330</c:v>
                </c:pt>
                <c:pt idx="91">
                  <c:v>47361</c:v>
                </c:pt>
                <c:pt idx="92">
                  <c:v>47389</c:v>
                </c:pt>
                <c:pt idx="93">
                  <c:v>47422</c:v>
                </c:pt>
                <c:pt idx="94">
                  <c:v>47452</c:v>
                </c:pt>
                <c:pt idx="95">
                  <c:v>47483</c:v>
                </c:pt>
                <c:pt idx="96">
                  <c:v>47514</c:v>
                </c:pt>
                <c:pt idx="97">
                  <c:v>47542</c:v>
                </c:pt>
                <c:pt idx="98">
                  <c:v>47571</c:v>
                </c:pt>
                <c:pt idx="99">
                  <c:v>47603</c:v>
                </c:pt>
                <c:pt idx="100">
                  <c:v>47634</c:v>
                </c:pt>
                <c:pt idx="101">
                  <c:v>47662</c:v>
                </c:pt>
                <c:pt idx="102">
                  <c:v>47695</c:v>
                </c:pt>
                <c:pt idx="103">
                  <c:v>47725</c:v>
                </c:pt>
                <c:pt idx="104">
                  <c:v>47756</c:v>
                </c:pt>
                <c:pt idx="105">
                  <c:v>47787</c:v>
                </c:pt>
                <c:pt idx="106">
                  <c:v>47816</c:v>
                </c:pt>
                <c:pt idx="107">
                  <c:v>47848</c:v>
                </c:pt>
                <c:pt idx="108">
                  <c:v>47879</c:v>
                </c:pt>
                <c:pt idx="109">
                  <c:v>47907</c:v>
                </c:pt>
                <c:pt idx="110">
                  <c:v>47938</c:v>
                </c:pt>
                <c:pt idx="111">
                  <c:v>47968</c:v>
                </c:pt>
                <c:pt idx="112">
                  <c:v>47998</c:v>
                </c:pt>
                <c:pt idx="113">
                  <c:v>48029</c:v>
                </c:pt>
                <c:pt idx="114">
                  <c:v>48060</c:v>
                </c:pt>
                <c:pt idx="115">
                  <c:v>48089</c:v>
                </c:pt>
                <c:pt idx="116">
                  <c:v>48121</c:v>
                </c:pt>
                <c:pt idx="117">
                  <c:v>48152</c:v>
                </c:pt>
                <c:pt idx="118">
                  <c:v>48180</c:v>
                </c:pt>
                <c:pt idx="119">
                  <c:v>48213</c:v>
                </c:pt>
                <c:pt idx="120">
                  <c:v>48243</c:v>
                </c:pt>
              </c:numCache>
            </c:numRef>
          </c:cat>
          <c:val>
            <c:numRef>
              <c:f>'Forward Curves_Same Index_LIBOR'!$G$9:$G$129</c:f>
            </c:numRef>
          </c:val>
          <c:smooth val="0"/>
          <c:extLst>
            <c:ext xmlns:c16="http://schemas.microsoft.com/office/drawing/2014/chart" uri="{C3380CC4-5D6E-409C-BE32-E72D297353CC}">
              <c16:uniqueId val="{00000001-046C-4887-8D44-E71AC54BD5A5}"/>
            </c:ext>
          </c:extLst>
        </c:ser>
        <c:ser>
          <c:idx val="2"/>
          <c:order val="2"/>
          <c:tx>
            <c:strRef>
              <c:f>'Forward Curves_Same Index_LIBOR'!$H$8</c:f>
              <c:strCache>
                <c:ptCount val="1"/>
                <c:pt idx="0">
                  <c:v>As of 03/01/2022</c:v>
                </c:pt>
              </c:strCache>
            </c:strRef>
          </c:tx>
          <c:spPr>
            <a:ln w="28575" cap="rnd">
              <a:solidFill>
                <a:schemeClr val="accent3"/>
              </a:solidFill>
              <a:round/>
            </a:ln>
            <a:effectLst/>
          </c:spPr>
          <c:marker>
            <c:symbol val="none"/>
          </c:marker>
          <c:cat>
            <c:numRef>
              <c:f>'Forward Curves_Same Index_LIBOR'!$E$9:$E$129</c:f>
              <c:numCache>
                <c:formatCode>m/d/yyyy</c:formatCode>
                <c:ptCount val="121"/>
                <c:pt idx="0">
                  <c:v>44592</c:v>
                </c:pt>
                <c:pt idx="1">
                  <c:v>44620</c:v>
                </c:pt>
                <c:pt idx="2">
                  <c:v>44651</c:v>
                </c:pt>
                <c:pt idx="3">
                  <c:v>44680</c:v>
                </c:pt>
                <c:pt idx="4">
                  <c:v>44712</c:v>
                </c:pt>
                <c:pt idx="5">
                  <c:v>44742</c:v>
                </c:pt>
                <c:pt idx="6">
                  <c:v>44771</c:v>
                </c:pt>
                <c:pt idx="7">
                  <c:v>44804</c:v>
                </c:pt>
                <c:pt idx="8">
                  <c:v>44834</c:v>
                </c:pt>
                <c:pt idx="9">
                  <c:v>44865</c:v>
                </c:pt>
                <c:pt idx="10">
                  <c:v>44895</c:v>
                </c:pt>
                <c:pt idx="11">
                  <c:v>44925</c:v>
                </c:pt>
                <c:pt idx="12">
                  <c:v>44957</c:v>
                </c:pt>
                <c:pt idx="13">
                  <c:v>44985</c:v>
                </c:pt>
                <c:pt idx="14">
                  <c:v>45016</c:v>
                </c:pt>
                <c:pt idx="15">
                  <c:v>45044</c:v>
                </c:pt>
                <c:pt idx="16">
                  <c:v>45077</c:v>
                </c:pt>
                <c:pt idx="17">
                  <c:v>45107</c:v>
                </c:pt>
                <c:pt idx="18">
                  <c:v>45138</c:v>
                </c:pt>
                <c:pt idx="19">
                  <c:v>45169</c:v>
                </c:pt>
                <c:pt idx="20">
                  <c:v>45198</c:v>
                </c:pt>
                <c:pt idx="21">
                  <c:v>45230</c:v>
                </c:pt>
                <c:pt idx="22">
                  <c:v>45260</c:v>
                </c:pt>
                <c:pt idx="23">
                  <c:v>45289</c:v>
                </c:pt>
                <c:pt idx="24">
                  <c:v>45322</c:v>
                </c:pt>
                <c:pt idx="25">
                  <c:v>45351</c:v>
                </c:pt>
                <c:pt idx="26">
                  <c:v>45379</c:v>
                </c:pt>
                <c:pt idx="27">
                  <c:v>45412</c:v>
                </c:pt>
                <c:pt idx="28">
                  <c:v>45443</c:v>
                </c:pt>
                <c:pt idx="29">
                  <c:v>45471</c:v>
                </c:pt>
                <c:pt idx="30">
                  <c:v>45504</c:v>
                </c:pt>
                <c:pt idx="31">
                  <c:v>45534</c:v>
                </c:pt>
                <c:pt idx="32">
                  <c:v>45565</c:v>
                </c:pt>
                <c:pt idx="33">
                  <c:v>45596</c:v>
                </c:pt>
                <c:pt idx="34">
                  <c:v>45625</c:v>
                </c:pt>
                <c:pt idx="35">
                  <c:v>45657</c:v>
                </c:pt>
                <c:pt idx="36">
                  <c:v>45688</c:v>
                </c:pt>
                <c:pt idx="37">
                  <c:v>45716</c:v>
                </c:pt>
                <c:pt idx="38">
                  <c:v>45747</c:v>
                </c:pt>
                <c:pt idx="39">
                  <c:v>45777</c:v>
                </c:pt>
                <c:pt idx="40">
                  <c:v>45807</c:v>
                </c:pt>
                <c:pt idx="41">
                  <c:v>45838</c:v>
                </c:pt>
                <c:pt idx="42">
                  <c:v>45869</c:v>
                </c:pt>
                <c:pt idx="43">
                  <c:v>45898</c:v>
                </c:pt>
                <c:pt idx="44">
                  <c:v>45930</c:v>
                </c:pt>
                <c:pt idx="45">
                  <c:v>45961</c:v>
                </c:pt>
                <c:pt idx="46">
                  <c:v>45989</c:v>
                </c:pt>
                <c:pt idx="47">
                  <c:v>46022</c:v>
                </c:pt>
                <c:pt idx="48">
                  <c:v>46052</c:v>
                </c:pt>
                <c:pt idx="49">
                  <c:v>46080</c:v>
                </c:pt>
                <c:pt idx="50">
                  <c:v>46112</c:v>
                </c:pt>
                <c:pt idx="51">
                  <c:v>46142</c:v>
                </c:pt>
                <c:pt idx="52">
                  <c:v>46171</c:v>
                </c:pt>
                <c:pt idx="53">
                  <c:v>46203</c:v>
                </c:pt>
                <c:pt idx="54">
                  <c:v>46234</c:v>
                </c:pt>
                <c:pt idx="55">
                  <c:v>46265</c:v>
                </c:pt>
                <c:pt idx="56">
                  <c:v>46295</c:v>
                </c:pt>
                <c:pt idx="57">
                  <c:v>46325</c:v>
                </c:pt>
                <c:pt idx="58">
                  <c:v>46356</c:v>
                </c:pt>
                <c:pt idx="59">
                  <c:v>46387</c:v>
                </c:pt>
                <c:pt idx="60">
                  <c:v>46416</c:v>
                </c:pt>
                <c:pt idx="61">
                  <c:v>46444</c:v>
                </c:pt>
                <c:pt idx="62">
                  <c:v>46477</c:v>
                </c:pt>
                <c:pt idx="63">
                  <c:v>46507</c:v>
                </c:pt>
                <c:pt idx="64">
                  <c:v>46538</c:v>
                </c:pt>
                <c:pt idx="65">
                  <c:v>46568</c:v>
                </c:pt>
                <c:pt idx="66">
                  <c:v>46598</c:v>
                </c:pt>
                <c:pt idx="67">
                  <c:v>46630</c:v>
                </c:pt>
                <c:pt idx="68">
                  <c:v>46660</c:v>
                </c:pt>
                <c:pt idx="69">
                  <c:v>46689</c:v>
                </c:pt>
                <c:pt idx="70">
                  <c:v>46721</c:v>
                </c:pt>
                <c:pt idx="71">
                  <c:v>46752</c:v>
                </c:pt>
                <c:pt idx="72">
                  <c:v>46783</c:v>
                </c:pt>
                <c:pt idx="73">
                  <c:v>46812</c:v>
                </c:pt>
                <c:pt idx="74">
                  <c:v>46843</c:v>
                </c:pt>
                <c:pt idx="75">
                  <c:v>46871</c:v>
                </c:pt>
                <c:pt idx="76">
                  <c:v>46904</c:v>
                </c:pt>
                <c:pt idx="77">
                  <c:v>46934</c:v>
                </c:pt>
                <c:pt idx="78">
                  <c:v>46965</c:v>
                </c:pt>
                <c:pt idx="79">
                  <c:v>46996</c:v>
                </c:pt>
                <c:pt idx="80">
                  <c:v>47025</c:v>
                </c:pt>
                <c:pt idx="81">
                  <c:v>47057</c:v>
                </c:pt>
                <c:pt idx="82">
                  <c:v>47087</c:v>
                </c:pt>
                <c:pt idx="83">
                  <c:v>47116</c:v>
                </c:pt>
                <c:pt idx="84">
                  <c:v>47149</c:v>
                </c:pt>
                <c:pt idx="85">
                  <c:v>47177</c:v>
                </c:pt>
                <c:pt idx="86">
                  <c:v>47207</c:v>
                </c:pt>
                <c:pt idx="87">
                  <c:v>47238</c:v>
                </c:pt>
                <c:pt idx="88">
                  <c:v>47269</c:v>
                </c:pt>
                <c:pt idx="89">
                  <c:v>47298</c:v>
                </c:pt>
                <c:pt idx="90">
                  <c:v>47330</c:v>
                </c:pt>
                <c:pt idx="91">
                  <c:v>47361</c:v>
                </c:pt>
                <c:pt idx="92">
                  <c:v>47389</c:v>
                </c:pt>
                <c:pt idx="93">
                  <c:v>47422</c:v>
                </c:pt>
                <c:pt idx="94">
                  <c:v>47452</c:v>
                </c:pt>
                <c:pt idx="95">
                  <c:v>47483</c:v>
                </c:pt>
                <c:pt idx="96">
                  <c:v>47514</c:v>
                </c:pt>
                <c:pt idx="97">
                  <c:v>47542</c:v>
                </c:pt>
                <c:pt idx="98">
                  <c:v>47571</c:v>
                </c:pt>
                <c:pt idx="99">
                  <c:v>47603</c:v>
                </c:pt>
                <c:pt idx="100">
                  <c:v>47634</c:v>
                </c:pt>
                <c:pt idx="101">
                  <c:v>47662</c:v>
                </c:pt>
                <c:pt idx="102">
                  <c:v>47695</c:v>
                </c:pt>
                <c:pt idx="103">
                  <c:v>47725</c:v>
                </c:pt>
                <c:pt idx="104">
                  <c:v>47756</c:v>
                </c:pt>
                <c:pt idx="105">
                  <c:v>47787</c:v>
                </c:pt>
                <c:pt idx="106">
                  <c:v>47816</c:v>
                </c:pt>
                <c:pt idx="107">
                  <c:v>47848</c:v>
                </c:pt>
                <c:pt idx="108">
                  <c:v>47879</c:v>
                </c:pt>
                <c:pt idx="109">
                  <c:v>47907</c:v>
                </c:pt>
                <c:pt idx="110">
                  <c:v>47938</c:v>
                </c:pt>
                <c:pt idx="111">
                  <c:v>47968</c:v>
                </c:pt>
                <c:pt idx="112">
                  <c:v>47998</c:v>
                </c:pt>
                <c:pt idx="113">
                  <c:v>48029</c:v>
                </c:pt>
                <c:pt idx="114">
                  <c:v>48060</c:v>
                </c:pt>
                <c:pt idx="115">
                  <c:v>48089</c:v>
                </c:pt>
                <c:pt idx="116">
                  <c:v>48121</c:v>
                </c:pt>
                <c:pt idx="117">
                  <c:v>48152</c:v>
                </c:pt>
                <c:pt idx="118">
                  <c:v>48180</c:v>
                </c:pt>
                <c:pt idx="119">
                  <c:v>48213</c:v>
                </c:pt>
                <c:pt idx="120">
                  <c:v>48243</c:v>
                </c:pt>
              </c:numCache>
            </c:numRef>
          </c:cat>
          <c:val>
            <c:numRef>
              <c:f>'Forward Curves_Same Index_LIBOR'!$H$9:$H$129</c:f>
              <c:numCache>
                <c:formatCode>General</c:formatCode>
                <c:ptCount val="121"/>
                <c:pt idx="2" formatCode="0.000%">
                  <c:v>3.9802342129085198E-3</c:v>
                </c:pt>
                <c:pt idx="3" formatCode="0.000%">
                  <c:v>5.8021328983376601E-3</c:v>
                </c:pt>
                <c:pt idx="4" formatCode="0.000%">
                  <c:v>7.4698259116607602E-3</c:v>
                </c:pt>
                <c:pt idx="5" formatCode="0.000%">
                  <c:v>8.8993414401219908E-3</c:v>
                </c:pt>
                <c:pt idx="6" formatCode="0.000%">
                  <c:v>9.7792327111142496E-3</c:v>
                </c:pt>
                <c:pt idx="7" formatCode="0.000%">
                  <c:v>1.0362403257974001E-2</c:v>
                </c:pt>
                <c:pt idx="8" formatCode="0.000%">
                  <c:v>1.09990321703271E-2</c:v>
                </c:pt>
                <c:pt idx="9" formatCode="0.000%">
                  <c:v>1.18741796823809E-2</c:v>
                </c:pt>
                <c:pt idx="10" formatCode="0.000%">
                  <c:v>1.29308242205242E-2</c:v>
                </c:pt>
                <c:pt idx="11" formatCode="0.000%">
                  <c:v>1.4075559197853299E-2</c:v>
                </c:pt>
                <c:pt idx="12" formatCode="0.000%">
                  <c:v>1.50452040839064E-2</c:v>
                </c:pt>
                <c:pt idx="13" formatCode="0.000%">
                  <c:v>1.57323629077539E-2</c:v>
                </c:pt>
                <c:pt idx="14" formatCode="0.000%">
                  <c:v>1.62757832518075E-2</c:v>
                </c:pt>
                <c:pt idx="15" formatCode="0.000%">
                  <c:v>1.66721412802848E-2</c:v>
                </c:pt>
                <c:pt idx="16" formatCode="0.000%">
                  <c:v>1.7050422634283701E-2</c:v>
                </c:pt>
                <c:pt idx="17" formatCode="0.000%">
                  <c:v>1.7399674806146001E-2</c:v>
                </c:pt>
                <c:pt idx="18" formatCode="0.000%">
                  <c:v>1.76841343524019E-2</c:v>
                </c:pt>
                <c:pt idx="19" formatCode="0.000%">
                  <c:v>1.79199043355701E-2</c:v>
                </c:pt>
                <c:pt idx="20" formatCode="0.000%">
                  <c:v>1.8104458855205102E-2</c:v>
                </c:pt>
                <c:pt idx="21" formatCode="0.000%">
                  <c:v>1.8196721729002201E-2</c:v>
                </c:pt>
                <c:pt idx="22" formatCode="0.000%">
                  <c:v>1.8198902470418901E-2</c:v>
                </c:pt>
                <c:pt idx="23" formatCode="0.000%">
                  <c:v>1.8126173781983099E-2</c:v>
                </c:pt>
                <c:pt idx="24" formatCode="0.000%">
                  <c:v>1.79503358322823E-2</c:v>
                </c:pt>
                <c:pt idx="25" formatCode="0.000%">
                  <c:v>1.7716142455981299E-2</c:v>
                </c:pt>
                <c:pt idx="26" formatCode="0.000%">
                  <c:v>1.7477049300541201E-2</c:v>
                </c:pt>
                <c:pt idx="27" formatCode="0.000%">
                  <c:v>1.7173528463478201E-2</c:v>
                </c:pt>
                <c:pt idx="28" formatCode="0.000%">
                  <c:v>1.6916716558735601E-2</c:v>
                </c:pt>
                <c:pt idx="29" formatCode="0.000%">
                  <c:v>1.6711465487535201E-2</c:v>
                </c:pt>
                <c:pt idx="30" formatCode="0.000%">
                  <c:v>1.6495811662698499E-2</c:v>
                </c:pt>
                <c:pt idx="31" formatCode="0.000%">
                  <c:v>1.63191012543146E-2</c:v>
                </c:pt>
                <c:pt idx="32" formatCode="0.000%">
                  <c:v>1.6183731457724702E-2</c:v>
                </c:pt>
                <c:pt idx="33" formatCode="0.000%">
                  <c:v>1.6064062976994E-2</c:v>
                </c:pt>
                <c:pt idx="34" formatCode="0.000%">
                  <c:v>1.5976686029664199E-2</c:v>
                </c:pt>
                <c:pt idx="35" formatCode="0.000%">
                  <c:v>1.59228260886808E-2</c:v>
                </c:pt>
                <c:pt idx="36" formatCode="0.000%">
                  <c:v>1.5869710753450599E-2</c:v>
                </c:pt>
                <c:pt idx="37" formatCode="0.000%">
                  <c:v>1.5840577729482299E-2</c:v>
                </c:pt>
                <c:pt idx="38" formatCode="0.000%">
                  <c:v>1.5834674240485298E-2</c:v>
                </c:pt>
                <c:pt idx="39" formatCode="0.000%">
                  <c:v>1.5816909652026898E-2</c:v>
                </c:pt>
                <c:pt idx="40" formatCode="0.000%">
                  <c:v>1.5808604437582901E-2</c:v>
                </c:pt>
                <c:pt idx="41" formatCode="0.000%">
                  <c:v>1.5817663430266402E-2</c:v>
                </c:pt>
                <c:pt idx="42" formatCode="0.000%">
                  <c:v>1.58103035714213E-2</c:v>
                </c:pt>
                <c:pt idx="43" formatCode="0.000%">
                  <c:v>1.5814443026780201E-2</c:v>
                </c:pt>
                <c:pt idx="44" formatCode="0.000%">
                  <c:v>1.5835849730656899E-2</c:v>
                </c:pt>
                <c:pt idx="45" formatCode="0.000%">
                  <c:v>1.58403883477914E-2</c:v>
                </c:pt>
                <c:pt idx="46" formatCode="0.000%">
                  <c:v>1.58567975612946E-2</c:v>
                </c:pt>
                <c:pt idx="47" formatCode="0.000%">
                  <c:v>1.5891302439696098E-2</c:v>
                </c:pt>
                <c:pt idx="48" formatCode="0.000%">
                  <c:v>1.5909858961107901E-2</c:v>
                </c:pt>
                <c:pt idx="49" formatCode="0.000%">
                  <c:v>1.5937844200756699E-2</c:v>
                </c:pt>
                <c:pt idx="50" formatCode="0.000%">
                  <c:v>1.5981024009952501E-2</c:v>
                </c:pt>
                <c:pt idx="51" formatCode="0.000%">
                  <c:v>1.6011919385556302E-2</c:v>
                </c:pt>
                <c:pt idx="52" formatCode="0.000%">
                  <c:v>1.6049887902052602E-2</c:v>
                </c:pt>
                <c:pt idx="53" formatCode="0.000%">
                  <c:v>1.6106738701841702E-2</c:v>
                </c:pt>
                <c:pt idx="54" formatCode="0.000%">
                  <c:v>1.61423838381041E-2</c:v>
                </c:pt>
                <c:pt idx="55" formatCode="0.000%">
                  <c:v>1.6190796411959502E-2</c:v>
                </c:pt>
                <c:pt idx="56" formatCode="0.000%">
                  <c:v>1.62517035812401E-2</c:v>
                </c:pt>
                <c:pt idx="57" formatCode="0.000%">
                  <c:v>1.6298612780797798E-2</c:v>
                </c:pt>
                <c:pt idx="58" formatCode="0.000%">
                  <c:v>1.6355156212956901E-2</c:v>
                </c:pt>
                <c:pt idx="59" formatCode="0.000%">
                  <c:v>1.6422590872005899E-2</c:v>
                </c:pt>
                <c:pt idx="60" formatCode="0.000%">
                  <c:v>1.6469090147953998E-2</c:v>
                </c:pt>
                <c:pt idx="61" formatCode="0.000%">
                  <c:v>1.6523080766371101E-2</c:v>
                </c:pt>
                <c:pt idx="62" formatCode="0.000%">
                  <c:v>1.6592255641962199E-2</c:v>
                </c:pt>
                <c:pt idx="63" formatCode="0.000%">
                  <c:v>1.6640093908934599E-2</c:v>
                </c:pt>
                <c:pt idx="64" formatCode="0.000%">
                  <c:v>1.6695670013141001E-2</c:v>
                </c:pt>
                <c:pt idx="65" formatCode="0.000%">
                  <c:v>1.6758392571510902E-2</c:v>
                </c:pt>
                <c:pt idx="66" formatCode="0.000%">
                  <c:v>1.68048048724544E-2</c:v>
                </c:pt>
                <c:pt idx="67" formatCode="0.000%">
                  <c:v>1.6859234406888399E-2</c:v>
                </c:pt>
                <c:pt idx="68" formatCode="0.000%">
                  <c:v>1.6922279056365602E-2</c:v>
                </c:pt>
                <c:pt idx="69" formatCode="0.000%">
                  <c:v>1.6964695407820401E-2</c:v>
                </c:pt>
                <c:pt idx="70" formatCode="0.000%">
                  <c:v>1.7018889781932101E-2</c:v>
                </c:pt>
                <c:pt idx="71" formatCode="0.000%">
                  <c:v>1.7081464517895099E-2</c:v>
                </c:pt>
                <c:pt idx="72" formatCode="0.000%">
                  <c:v>1.7125266353517601E-2</c:v>
                </c:pt>
                <c:pt idx="73" formatCode="0.000%">
                  <c:v>1.7174590475198901E-2</c:v>
                </c:pt>
                <c:pt idx="74" formatCode="0.000%">
                  <c:v>1.72365751057986E-2</c:v>
                </c:pt>
                <c:pt idx="75" formatCode="0.000%">
                  <c:v>1.7274489766839801E-2</c:v>
                </c:pt>
                <c:pt idx="76" formatCode="0.000%">
                  <c:v>1.7324943729561601E-2</c:v>
                </c:pt>
                <c:pt idx="77" formatCode="0.000%">
                  <c:v>1.73895998419131E-2</c:v>
                </c:pt>
                <c:pt idx="78" formatCode="0.000%">
                  <c:v>1.7431529163348902E-2</c:v>
                </c:pt>
                <c:pt idx="79" formatCode="0.000%">
                  <c:v>1.7480379361696601E-2</c:v>
                </c:pt>
                <c:pt idx="80" formatCode="0.000%">
                  <c:v>1.7540641602580599E-2</c:v>
                </c:pt>
                <c:pt idx="81" formatCode="0.000%">
                  <c:v>1.7582017615516001E-2</c:v>
                </c:pt>
                <c:pt idx="82" formatCode="0.000%">
                  <c:v>1.7626234380564099E-2</c:v>
                </c:pt>
                <c:pt idx="83" formatCode="0.000%">
                  <c:v>1.7678992710387399E-2</c:v>
                </c:pt>
                <c:pt idx="84" formatCode="0.000%">
                  <c:v>1.7712015507102701E-2</c:v>
                </c:pt>
                <c:pt idx="85" formatCode="0.000%">
                  <c:v>1.7744797425298501E-2</c:v>
                </c:pt>
                <c:pt idx="86" formatCode="0.000%">
                  <c:v>1.7787800964661399E-2</c:v>
                </c:pt>
                <c:pt idx="87" formatCode="0.000%">
                  <c:v>1.78060505189373E-2</c:v>
                </c:pt>
                <c:pt idx="88" formatCode="0.000%">
                  <c:v>1.78295708243493E-2</c:v>
                </c:pt>
                <c:pt idx="89" formatCode="0.000%">
                  <c:v>1.78633843584E-2</c:v>
                </c:pt>
                <c:pt idx="90" formatCode="0.000%">
                  <c:v>1.78743272287437E-2</c:v>
                </c:pt>
                <c:pt idx="91" formatCode="0.000%">
                  <c:v>1.7890928717546301E-2</c:v>
                </c:pt>
                <c:pt idx="92" formatCode="0.000%">
                  <c:v>1.7916060857009398E-2</c:v>
                </c:pt>
                <c:pt idx="93" formatCode="0.000%">
                  <c:v>1.79199814761535E-2</c:v>
                </c:pt>
                <c:pt idx="94" formatCode="0.000%">
                  <c:v>1.7926792952048302E-2</c:v>
                </c:pt>
                <c:pt idx="95" formatCode="0.000%">
                  <c:v>1.7943728812030098E-2</c:v>
                </c:pt>
                <c:pt idx="96" formatCode="0.000%">
                  <c:v>1.7935998912666298E-2</c:v>
                </c:pt>
                <c:pt idx="97" formatCode="0.000%">
                  <c:v>1.7934206409068301E-2</c:v>
                </c:pt>
                <c:pt idx="98" formatCode="0.000%">
                  <c:v>1.7944570617659299E-2</c:v>
                </c:pt>
                <c:pt idx="99" formatCode="0.000%">
                  <c:v>1.79374127029506E-2</c:v>
                </c:pt>
                <c:pt idx="100" formatCode="0.000%">
                  <c:v>1.79440435414829E-2</c:v>
                </c:pt>
                <c:pt idx="101" formatCode="0.000%">
                  <c:v>1.7968952449644401E-2</c:v>
                </c:pt>
                <c:pt idx="102" formatCode="0.000%">
                  <c:v>1.7984446996276899E-2</c:v>
                </c:pt>
                <c:pt idx="103" formatCode="0.000%">
                  <c:v>1.8015119259838501E-2</c:v>
                </c:pt>
                <c:pt idx="104" formatCode="0.000%">
                  <c:v>1.80684236118945E-2</c:v>
                </c:pt>
                <c:pt idx="105" formatCode="0.000%">
                  <c:v>1.81058225218616E-2</c:v>
                </c:pt>
                <c:pt idx="106" formatCode="0.000%">
                  <c:v>1.8158122214893799E-2</c:v>
                </c:pt>
                <c:pt idx="107" formatCode="0.000%">
                  <c:v>1.8232195322817502E-2</c:v>
                </c:pt>
                <c:pt idx="108" formatCode="0.000%">
                  <c:v>1.8286059100500601E-2</c:v>
                </c:pt>
                <c:pt idx="109" formatCode="0.000%">
                  <c:v>1.83492720719492E-2</c:v>
                </c:pt>
                <c:pt idx="110" formatCode="0.000%">
                  <c:v>1.84269769931572E-2</c:v>
                </c:pt>
                <c:pt idx="111" formatCode="0.000%">
                  <c:v>1.8477000527731501E-2</c:v>
                </c:pt>
                <c:pt idx="112" formatCode="0.000%">
                  <c:v>1.85383469465378E-2</c:v>
                </c:pt>
                <c:pt idx="113" formatCode="0.000%">
                  <c:v>1.8609051597787401E-2</c:v>
                </c:pt>
                <c:pt idx="114" formatCode="0.000%">
                  <c:v>1.8650287768524499E-2</c:v>
                </c:pt>
                <c:pt idx="115" formatCode="0.000%">
                  <c:v>1.8694443318734599E-2</c:v>
                </c:pt>
                <c:pt idx="116" formatCode="0.000%">
                  <c:v>1.8751550153256798E-2</c:v>
                </c:pt>
                <c:pt idx="117" formatCode="0.000%">
                  <c:v>1.8779178670756201E-2</c:v>
                </c:pt>
                <c:pt idx="118" formatCode="0.000%">
                  <c:v>1.88091624731349E-2</c:v>
                </c:pt>
                <c:pt idx="119" formatCode="0.000%">
                  <c:v>1.8851109104508199E-2</c:v>
                </c:pt>
                <c:pt idx="120" formatCode="0.000%">
                  <c:v>1.88685933766055E-2</c:v>
                </c:pt>
              </c:numCache>
            </c:numRef>
          </c:val>
          <c:smooth val="0"/>
          <c:extLst>
            <c:ext xmlns:c16="http://schemas.microsoft.com/office/drawing/2014/chart" uri="{C3380CC4-5D6E-409C-BE32-E72D297353CC}">
              <c16:uniqueId val="{00000002-046C-4887-8D44-E71AC54BD5A5}"/>
            </c:ext>
          </c:extLst>
        </c:ser>
        <c:ser>
          <c:idx val="3"/>
          <c:order val="3"/>
          <c:tx>
            <c:strRef>
              <c:f>'Forward Curves_Same Index_LIBOR'!$I$8</c:f>
              <c:strCache>
                <c:ptCount val="1"/>
                <c:pt idx="0">
                  <c:v>As of 04/01/2022</c:v>
                </c:pt>
              </c:strCache>
            </c:strRef>
          </c:tx>
          <c:spPr>
            <a:ln w="28575" cap="rnd">
              <a:solidFill>
                <a:schemeClr val="accent2"/>
              </a:solidFill>
              <a:round/>
            </a:ln>
            <a:effectLst/>
          </c:spPr>
          <c:marker>
            <c:symbol val="none"/>
          </c:marker>
          <c:cat>
            <c:numRef>
              <c:f>'Forward Curves_Same Index_LIBOR'!$E$9:$E$129</c:f>
              <c:numCache>
                <c:formatCode>m/d/yyyy</c:formatCode>
                <c:ptCount val="121"/>
                <c:pt idx="0">
                  <c:v>44592</c:v>
                </c:pt>
                <c:pt idx="1">
                  <c:v>44620</c:v>
                </c:pt>
                <c:pt idx="2">
                  <c:v>44651</c:v>
                </c:pt>
                <c:pt idx="3">
                  <c:v>44680</c:v>
                </c:pt>
                <c:pt idx="4">
                  <c:v>44712</c:v>
                </c:pt>
                <c:pt idx="5">
                  <c:v>44742</c:v>
                </c:pt>
                <c:pt idx="6">
                  <c:v>44771</c:v>
                </c:pt>
                <c:pt idx="7">
                  <c:v>44804</c:v>
                </c:pt>
                <c:pt idx="8">
                  <c:v>44834</c:v>
                </c:pt>
                <c:pt idx="9">
                  <c:v>44865</c:v>
                </c:pt>
                <c:pt idx="10">
                  <c:v>44895</c:v>
                </c:pt>
                <c:pt idx="11">
                  <c:v>44925</c:v>
                </c:pt>
                <c:pt idx="12">
                  <c:v>44957</c:v>
                </c:pt>
                <c:pt idx="13">
                  <c:v>44985</c:v>
                </c:pt>
                <c:pt idx="14">
                  <c:v>45016</c:v>
                </c:pt>
                <c:pt idx="15">
                  <c:v>45044</c:v>
                </c:pt>
                <c:pt idx="16">
                  <c:v>45077</c:v>
                </c:pt>
                <c:pt idx="17">
                  <c:v>45107</c:v>
                </c:pt>
                <c:pt idx="18">
                  <c:v>45138</c:v>
                </c:pt>
                <c:pt idx="19">
                  <c:v>45169</c:v>
                </c:pt>
                <c:pt idx="20">
                  <c:v>45198</c:v>
                </c:pt>
                <c:pt idx="21">
                  <c:v>45230</c:v>
                </c:pt>
                <c:pt idx="22">
                  <c:v>45260</c:v>
                </c:pt>
                <c:pt idx="23">
                  <c:v>45289</c:v>
                </c:pt>
                <c:pt idx="24">
                  <c:v>45322</c:v>
                </c:pt>
                <c:pt idx="25">
                  <c:v>45351</c:v>
                </c:pt>
                <c:pt idx="26">
                  <c:v>45379</c:v>
                </c:pt>
                <c:pt idx="27">
                  <c:v>45412</c:v>
                </c:pt>
                <c:pt idx="28">
                  <c:v>45443</c:v>
                </c:pt>
                <c:pt idx="29">
                  <c:v>45471</c:v>
                </c:pt>
                <c:pt idx="30">
                  <c:v>45504</c:v>
                </c:pt>
                <c:pt idx="31">
                  <c:v>45534</c:v>
                </c:pt>
                <c:pt idx="32">
                  <c:v>45565</c:v>
                </c:pt>
                <c:pt idx="33">
                  <c:v>45596</c:v>
                </c:pt>
                <c:pt idx="34">
                  <c:v>45625</c:v>
                </c:pt>
                <c:pt idx="35">
                  <c:v>45657</c:v>
                </c:pt>
                <c:pt idx="36">
                  <c:v>45688</c:v>
                </c:pt>
                <c:pt idx="37">
                  <c:v>45716</c:v>
                </c:pt>
                <c:pt idx="38">
                  <c:v>45747</c:v>
                </c:pt>
                <c:pt idx="39">
                  <c:v>45777</c:v>
                </c:pt>
                <c:pt idx="40">
                  <c:v>45807</c:v>
                </c:pt>
                <c:pt idx="41">
                  <c:v>45838</c:v>
                </c:pt>
                <c:pt idx="42">
                  <c:v>45869</c:v>
                </c:pt>
                <c:pt idx="43">
                  <c:v>45898</c:v>
                </c:pt>
                <c:pt idx="44">
                  <c:v>45930</c:v>
                </c:pt>
                <c:pt idx="45">
                  <c:v>45961</c:v>
                </c:pt>
                <c:pt idx="46">
                  <c:v>45989</c:v>
                </c:pt>
                <c:pt idx="47">
                  <c:v>46022</c:v>
                </c:pt>
                <c:pt idx="48">
                  <c:v>46052</c:v>
                </c:pt>
                <c:pt idx="49">
                  <c:v>46080</c:v>
                </c:pt>
                <c:pt idx="50">
                  <c:v>46112</c:v>
                </c:pt>
                <c:pt idx="51">
                  <c:v>46142</c:v>
                </c:pt>
                <c:pt idx="52">
                  <c:v>46171</c:v>
                </c:pt>
                <c:pt idx="53">
                  <c:v>46203</c:v>
                </c:pt>
                <c:pt idx="54">
                  <c:v>46234</c:v>
                </c:pt>
                <c:pt idx="55">
                  <c:v>46265</c:v>
                </c:pt>
                <c:pt idx="56">
                  <c:v>46295</c:v>
                </c:pt>
                <c:pt idx="57">
                  <c:v>46325</c:v>
                </c:pt>
                <c:pt idx="58">
                  <c:v>46356</c:v>
                </c:pt>
                <c:pt idx="59">
                  <c:v>46387</c:v>
                </c:pt>
                <c:pt idx="60">
                  <c:v>46416</c:v>
                </c:pt>
                <c:pt idx="61">
                  <c:v>46444</c:v>
                </c:pt>
                <c:pt idx="62">
                  <c:v>46477</c:v>
                </c:pt>
                <c:pt idx="63">
                  <c:v>46507</c:v>
                </c:pt>
                <c:pt idx="64">
                  <c:v>46538</c:v>
                </c:pt>
                <c:pt idx="65">
                  <c:v>46568</c:v>
                </c:pt>
                <c:pt idx="66">
                  <c:v>46598</c:v>
                </c:pt>
                <c:pt idx="67">
                  <c:v>46630</c:v>
                </c:pt>
                <c:pt idx="68">
                  <c:v>46660</c:v>
                </c:pt>
                <c:pt idx="69">
                  <c:v>46689</c:v>
                </c:pt>
                <c:pt idx="70">
                  <c:v>46721</c:v>
                </c:pt>
                <c:pt idx="71">
                  <c:v>46752</c:v>
                </c:pt>
                <c:pt idx="72">
                  <c:v>46783</c:v>
                </c:pt>
                <c:pt idx="73">
                  <c:v>46812</c:v>
                </c:pt>
                <c:pt idx="74">
                  <c:v>46843</c:v>
                </c:pt>
                <c:pt idx="75">
                  <c:v>46871</c:v>
                </c:pt>
                <c:pt idx="76">
                  <c:v>46904</c:v>
                </c:pt>
                <c:pt idx="77">
                  <c:v>46934</c:v>
                </c:pt>
                <c:pt idx="78">
                  <c:v>46965</c:v>
                </c:pt>
                <c:pt idx="79">
                  <c:v>46996</c:v>
                </c:pt>
                <c:pt idx="80">
                  <c:v>47025</c:v>
                </c:pt>
                <c:pt idx="81">
                  <c:v>47057</c:v>
                </c:pt>
                <c:pt idx="82">
                  <c:v>47087</c:v>
                </c:pt>
                <c:pt idx="83">
                  <c:v>47116</c:v>
                </c:pt>
                <c:pt idx="84">
                  <c:v>47149</c:v>
                </c:pt>
                <c:pt idx="85">
                  <c:v>47177</c:v>
                </c:pt>
                <c:pt idx="86">
                  <c:v>47207</c:v>
                </c:pt>
                <c:pt idx="87">
                  <c:v>47238</c:v>
                </c:pt>
                <c:pt idx="88">
                  <c:v>47269</c:v>
                </c:pt>
                <c:pt idx="89">
                  <c:v>47298</c:v>
                </c:pt>
                <c:pt idx="90">
                  <c:v>47330</c:v>
                </c:pt>
                <c:pt idx="91">
                  <c:v>47361</c:v>
                </c:pt>
                <c:pt idx="92">
                  <c:v>47389</c:v>
                </c:pt>
                <c:pt idx="93">
                  <c:v>47422</c:v>
                </c:pt>
                <c:pt idx="94">
                  <c:v>47452</c:v>
                </c:pt>
                <c:pt idx="95">
                  <c:v>47483</c:v>
                </c:pt>
                <c:pt idx="96">
                  <c:v>47514</c:v>
                </c:pt>
                <c:pt idx="97">
                  <c:v>47542</c:v>
                </c:pt>
                <c:pt idx="98">
                  <c:v>47571</c:v>
                </c:pt>
                <c:pt idx="99">
                  <c:v>47603</c:v>
                </c:pt>
                <c:pt idx="100">
                  <c:v>47634</c:v>
                </c:pt>
                <c:pt idx="101">
                  <c:v>47662</c:v>
                </c:pt>
                <c:pt idx="102">
                  <c:v>47695</c:v>
                </c:pt>
                <c:pt idx="103">
                  <c:v>47725</c:v>
                </c:pt>
                <c:pt idx="104">
                  <c:v>47756</c:v>
                </c:pt>
                <c:pt idx="105">
                  <c:v>47787</c:v>
                </c:pt>
                <c:pt idx="106">
                  <c:v>47816</c:v>
                </c:pt>
                <c:pt idx="107">
                  <c:v>47848</c:v>
                </c:pt>
                <c:pt idx="108">
                  <c:v>47879</c:v>
                </c:pt>
                <c:pt idx="109">
                  <c:v>47907</c:v>
                </c:pt>
                <c:pt idx="110">
                  <c:v>47938</c:v>
                </c:pt>
                <c:pt idx="111">
                  <c:v>47968</c:v>
                </c:pt>
                <c:pt idx="112">
                  <c:v>47998</c:v>
                </c:pt>
                <c:pt idx="113">
                  <c:v>48029</c:v>
                </c:pt>
                <c:pt idx="114">
                  <c:v>48060</c:v>
                </c:pt>
                <c:pt idx="115">
                  <c:v>48089</c:v>
                </c:pt>
                <c:pt idx="116">
                  <c:v>48121</c:v>
                </c:pt>
                <c:pt idx="117">
                  <c:v>48152</c:v>
                </c:pt>
                <c:pt idx="118">
                  <c:v>48180</c:v>
                </c:pt>
                <c:pt idx="119">
                  <c:v>48213</c:v>
                </c:pt>
                <c:pt idx="120">
                  <c:v>48243</c:v>
                </c:pt>
              </c:numCache>
            </c:numRef>
          </c:cat>
          <c:val>
            <c:numRef>
              <c:f>'Forward Curves_Same Index_LIBOR'!$I$9:$I$129</c:f>
              <c:numCache>
                <c:formatCode>General</c:formatCode>
                <c:ptCount val="121"/>
                <c:pt idx="3" formatCode="0.000%">
                  <c:v>7.5717106479270997E-3</c:v>
                </c:pt>
                <c:pt idx="4" formatCode="0.000%">
                  <c:v>1.10703881165823E-2</c:v>
                </c:pt>
                <c:pt idx="5" formatCode="0.000%">
                  <c:v>1.38599604755405E-2</c:v>
                </c:pt>
                <c:pt idx="6" formatCode="0.000%">
                  <c:v>1.6143308574999501E-2</c:v>
                </c:pt>
                <c:pt idx="7" formatCode="0.000%">
                  <c:v>1.8628916092536099E-2</c:v>
                </c:pt>
                <c:pt idx="8" formatCode="0.000%">
                  <c:v>2.0933253252009901E-2</c:v>
                </c:pt>
                <c:pt idx="9" formatCode="0.000%">
                  <c:v>2.29720933204723E-2</c:v>
                </c:pt>
                <c:pt idx="10" formatCode="0.000%">
                  <c:v>2.4876936716349201E-2</c:v>
                </c:pt>
                <c:pt idx="11" formatCode="0.000%">
                  <c:v>2.63931926067217E-2</c:v>
                </c:pt>
                <c:pt idx="12" formatCode="0.000%">
                  <c:v>2.77547011398168E-2</c:v>
                </c:pt>
                <c:pt idx="13" formatCode="0.000%">
                  <c:v>2.8932303629588801E-2</c:v>
                </c:pt>
                <c:pt idx="14" formatCode="0.000%">
                  <c:v>3.0077380164150101E-2</c:v>
                </c:pt>
                <c:pt idx="15" formatCode="0.000%">
                  <c:v>3.0936793514873499E-2</c:v>
                </c:pt>
                <c:pt idx="16" formatCode="0.000%">
                  <c:v>3.16795357093273E-2</c:v>
                </c:pt>
                <c:pt idx="17" formatCode="0.000%">
                  <c:v>3.2106961908556199E-2</c:v>
                </c:pt>
                <c:pt idx="18" formatCode="0.000%">
                  <c:v>3.22824427962514E-2</c:v>
                </c:pt>
                <c:pt idx="19" formatCode="0.000%">
                  <c:v>3.2221641134073997E-2</c:v>
                </c:pt>
                <c:pt idx="20" formatCode="0.000%">
                  <c:v>3.1983435972734099E-2</c:v>
                </c:pt>
                <c:pt idx="21" formatCode="0.000%">
                  <c:v>3.1640459884950803E-2</c:v>
                </c:pt>
                <c:pt idx="22" formatCode="0.000%">
                  <c:v>3.1233861336755601E-2</c:v>
                </c:pt>
                <c:pt idx="23" formatCode="0.000%">
                  <c:v>3.0859752651100102E-2</c:v>
                </c:pt>
                <c:pt idx="24" formatCode="0.000%">
                  <c:v>3.04734710777428E-2</c:v>
                </c:pt>
                <c:pt idx="25" formatCode="0.000%">
                  <c:v>3.0119127965548699E-2</c:v>
                </c:pt>
                <c:pt idx="26" formatCode="0.000%">
                  <c:v>2.9818972903969301E-2</c:v>
                </c:pt>
                <c:pt idx="27" formatCode="0.000%">
                  <c:v>2.95021556453402E-2</c:v>
                </c:pt>
                <c:pt idx="28" formatCode="0.000%">
                  <c:v>2.9160388714164601E-2</c:v>
                </c:pt>
                <c:pt idx="29" formatCode="0.000%">
                  <c:v>2.8848003485396699E-2</c:v>
                </c:pt>
                <c:pt idx="30" formatCode="0.000%">
                  <c:v>2.8491480618589599E-2</c:v>
                </c:pt>
                <c:pt idx="31" formatCode="0.000%">
                  <c:v>2.81370885896002E-2</c:v>
                </c:pt>
                <c:pt idx="32" formatCode="0.000%">
                  <c:v>2.7772777658300201E-2</c:v>
                </c:pt>
                <c:pt idx="33" formatCode="0.000%">
                  <c:v>2.7380389352248902E-2</c:v>
                </c:pt>
                <c:pt idx="34" formatCode="0.000%">
                  <c:v>2.69854957160316E-2</c:v>
                </c:pt>
                <c:pt idx="35" formatCode="0.000%">
                  <c:v>2.6570465060122801E-2</c:v>
                </c:pt>
                <c:pt idx="36" formatCode="0.000%">
                  <c:v>2.6156971133481199E-2</c:v>
                </c:pt>
                <c:pt idx="37" formatCode="0.000%">
                  <c:v>2.57329884631642E-2</c:v>
                </c:pt>
                <c:pt idx="38" formatCode="0.000%">
                  <c:v>2.5325698653166799E-2</c:v>
                </c:pt>
                <c:pt idx="39" formatCode="0.000%">
                  <c:v>2.4921548627309099E-2</c:v>
                </c:pt>
                <c:pt idx="40" formatCode="0.000%">
                  <c:v>2.45116639384368E-2</c:v>
                </c:pt>
                <c:pt idx="41" formatCode="0.000%">
                  <c:v>2.41335511312494E-2</c:v>
                </c:pt>
                <c:pt idx="42" formatCode="0.000%">
                  <c:v>2.3762168397617099E-2</c:v>
                </c:pt>
                <c:pt idx="43" formatCode="0.000%">
                  <c:v>2.34268179913199E-2</c:v>
                </c:pt>
                <c:pt idx="44" formatCode="0.000%">
                  <c:v>2.3085671950251699E-2</c:v>
                </c:pt>
                <c:pt idx="45" formatCode="0.000%">
                  <c:v>2.2779078078016799E-2</c:v>
                </c:pt>
                <c:pt idx="46" formatCode="0.000%">
                  <c:v>2.24984211050425E-2</c:v>
                </c:pt>
                <c:pt idx="47" formatCode="0.000%">
                  <c:v>2.2199267135862899E-2</c:v>
                </c:pt>
                <c:pt idx="48" formatCode="0.000%">
                  <c:v>2.1959028476739601E-2</c:v>
                </c:pt>
                <c:pt idx="49" formatCode="0.000%">
                  <c:v>2.1711593229396999E-2</c:v>
                </c:pt>
                <c:pt idx="50" formatCode="0.000%">
                  <c:v>2.1481121440706699E-2</c:v>
                </c:pt>
                <c:pt idx="51" formatCode="0.000%">
                  <c:v>2.1277193696978801E-2</c:v>
                </c:pt>
                <c:pt idx="52" formatCode="0.000%">
                  <c:v>2.1091955610815099E-2</c:v>
                </c:pt>
                <c:pt idx="53" formatCode="0.000%">
                  <c:v>2.0921016392115601E-2</c:v>
                </c:pt>
                <c:pt idx="54" formatCode="0.000%">
                  <c:v>2.07917178698959E-2</c:v>
                </c:pt>
                <c:pt idx="55" formatCode="0.000%">
                  <c:v>2.0677537801573199E-2</c:v>
                </c:pt>
                <c:pt idx="56" formatCode="0.000%">
                  <c:v>2.0584272512335699E-2</c:v>
                </c:pt>
                <c:pt idx="57" formatCode="0.000%">
                  <c:v>2.0533445810775899E-2</c:v>
                </c:pt>
                <c:pt idx="58" formatCode="0.000%">
                  <c:v>2.0487385272248099E-2</c:v>
                </c:pt>
                <c:pt idx="59" formatCode="0.000%">
                  <c:v>2.0465112454985598E-2</c:v>
                </c:pt>
                <c:pt idx="60" formatCode="0.000%">
                  <c:v>2.04759399449445E-2</c:v>
                </c:pt>
                <c:pt idx="61" formatCode="0.000%">
                  <c:v>2.04835320181554E-2</c:v>
                </c:pt>
                <c:pt idx="62" formatCode="0.000%">
                  <c:v>2.0509361036847501E-2</c:v>
                </c:pt>
                <c:pt idx="63" formatCode="0.000%">
                  <c:v>2.0554774360788501E-2</c:v>
                </c:pt>
                <c:pt idx="64" formatCode="0.000%">
                  <c:v>2.05830742003386E-2</c:v>
                </c:pt>
                <c:pt idx="65" formatCode="0.000%">
                  <c:v>2.0619074040265299E-2</c:v>
                </c:pt>
                <c:pt idx="66" formatCode="0.000%">
                  <c:v>2.0664709958402E-2</c:v>
                </c:pt>
                <c:pt idx="67" formatCode="0.000%">
                  <c:v>2.06903488885892E-2</c:v>
                </c:pt>
                <c:pt idx="68" formatCode="0.000%">
                  <c:v>2.0718092737925999E-2</c:v>
                </c:pt>
                <c:pt idx="69" formatCode="0.000%">
                  <c:v>2.0753088358863799E-2</c:v>
                </c:pt>
                <c:pt idx="70" formatCode="0.000%">
                  <c:v>2.0770369093209999E-2</c:v>
                </c:pt>
                <c:pt idx="71" formatCode="0.000%">
                  <c:v>2.0789559841743299E-2</c:v>
                </c:pt>
                <c:pt idx="72" formatCode="0.000%">
                  <c:v>2.0817588689272502E-2</c:v>
                </c:pt>
                <c:pt idx="73" formatCode="0.000%">
                  <c:v>2.0825382793571399E-2</c:v>
                </c:pt>
                <c:pt idx="74" formatCode="0.000%">
                  <c:v>2.0833889898922101E-2</c:v>
                </c:pt>
                <c:pt idx="75" formatCode="0.000%">
                  <c:v>2.0850025113798701E-2</c:v>
                </c:pt>
                <c:pt idx="76" formatCode="0.000%">
                  <c:v>2.0847401049222999E-2</c:v>
                </c:pt>
                <c:pt idx="77" formatCode="0.000%">
                  <c:v>2.0848009217425401E-2</c:v>
                </c:pt>
                <c:pt idx="78" formatCode="0.000%">
                  <c:v>2.0859436085829599E-2</c:v>
                </c:pt>
                <c:pt idx="79" formatCode="0.000%">
                  <c:v>2.0850761904265901E-2</c:v>
                </c:pt>
                <c:pt idx="80" formatCode="0.000%">
                  <c:v>2.0844235989019199E-2</c:v>
                </c:pt>
                <c:pt idx="81" formatCode="0.000%">
                  <c:v>2.0846375318931399E-2</c:v>
                </c:pt>
                <c:pt idx="82" formatCode="0.000%">
                  <c:v>2.0825404235800302E-2</c:v>
                </c:pt>
                <c:pt idx="83" formatCode="0.000%">
                  <c:v>2.0806460918043002E-2</c:v>
                </c:pt>
                <c:pt idx="84" formatCode="0.000%">
                  <c:v>2.07927679437768E-2</c:v>
                </c:pt>
                <c:pt idx="85" formatCode="0.000%">
                  <c:v>2.07563921213622E-2</c:v>
                </c:pt>
                <c:pt idx="86" formatCode="0.000%">
                  <c:v>2.0723873109404701E-2</c:v>
                </c:pt>
                <c:pt idx="87" formatCode="0.000%">
                  <c:v>2.0705791013714302E-2</c:v>
                </c:pt>
                <c:pt idx="88" formatCode="0.000%">
                  <c:v>2.06689382149393E-2</c:v>
                </c:pt>
                <c:pt idx="89" formatCode="0.000%">
                  <c:v>2.0642850319780401E-2</c:v>
                </c:pt>
                <c:pt idx="90" formatCode="0.000%">
                  <c:v>2.0633434392523398E-2</c:v>
                </c:pt>
                <c:pt idx="91" formatCode="0.000%">
                  <c:v>2.06087744421652E-2</c:v>
                </c:pt>
                <c:pt idx="92" formatCode="0.000%">
                  <c:v>2.0595194304696699E-2</c:v>
                </c:pt>
                <c:pt idx="93" formatCode="0.000%">
                  <c:v>2.0596911138797899E-2</c:v>
                </c:pt>
                <c:pt idx="94" formatCode="0.000%">
                  <c:v>2.05826937336843E-2</c:v>
                </c:pt>
                <c:pt idx="95" formatCode="0.000%">
                  <c:v>2.0578435804145999E-2</c:v>
                </c:pt>
                <c:pt idx="96" formatCode="0.000%">
                  <c:v>2.0587954996751302E-2</c:v>
                </c:pt>
                <c:pt idx="97" formatCode="0.000%">
                  <c:v>2.0577607975265099E-2</c:v>
                </c:pt>
                <c:pt idx="98" formatCode="0.000%">
                  <c:v>2.0574236267570802E-2</c:v>
                </c:pt>
                <c:pt idx="99" formatCode="0.000%">
                  <c:v>2.0585381042258499E-2</c:v>
                </c:pt>
                <c:pt idx="100" formatCode="0.000%">
                  <c:v>2.05802201589028E-2</c:v>
                </c:pt>
                <c:pt idx="101" formatCode="0.000%">
                  <c:v>2.05825374616126E-2</c:v>
                </c:pt>
                <c:pt idx="102" formatCode="0.000%">
                  <c:v>2.0602238436563999E-2</c:v>
                </c:pt>
                <c:pt idx="103" formatCode="0.000%">
                  <c:v>2.0606149050402901E-2</c:v>
                </c:pt>
                <c:pt idx="104" formatCode="0.000%">
                  <c:v>2.06202687374273E-2</c:v>
                </c:pt>
                <c:pt idx="105" formatCode="0.000%">
                  <c:v>2.06520221610305E-2</c:v>
                </c:pt>
                <c:pt idx="106" formatCode="0.000%">
                  <c:v>2.06662101986957E-2</c:v>
                </c:pt>
                <c:pt idx="107" formatCode="0.000%">
                  <c:v>2.06898240718443E-2</c:v>
                </c:pt>
                <c:pt idx="108" formatCode="0.000%">
                  <c:v>2.0728834549229101E-2</c:v>
                </c:pt>
                <c:pt idx="109" formatCode="0.000%">
                  <c:v>2.0748452108112301E-2</c:v>
                </c:pt>
                <c:pt idx="110" formatCode="0.000%">
                  <c:v>2.0775078568181098E-2</c:v>
                </c:pt>
                <c:pt idx="111" formatCode="0.000%">
                  <c:v>2.0815640251461601E-2</c:v>
                </c:pt>
                <c:pt idx="112" formatCode="0.000%">
                  <c:v>2.0838456232059301E-2</c:v>
                </c:pt>
                <c:pt idx="113" formatCode="0.000%">
                  <c:v>2.08657844732642E-2</c:v>
                </c:pt>
                <c:pt idx="114" formatCode="0.000%">
                  <c:v>2.0907329015302501E-2</c:v>
                </c:pt>
                <c:pt idx="115" formatCode="0.000%">
                  <c:v>2.0926821105885798E-2</c:v>
                </c:pt>
                <c:pt idx="116" formatCode="0.000%">
                  <c:v>2.0952320593223099E-2</c:v>
                </c:pt>
                <c:pt idx="117" formatCode="0.000%">
                  <c:v>2.0988781720676902E-2</c:v>
                </c:pt>
                <c:pt idx="118" formatCode="0.000%">
                  <c:v>2.10019600441014E-2</c:v>
                </c:pt>
                <c:pt idx="119" formatCode="0.000%">
                  <c:v>2.1019988548603898E-2</c:v>
                </c:pt>
                <c:pt idx="120" formatCode="0.000%">
                  <c:v>2.1046039157455301E-2</c:v>
                </c:pt>
              </c:numCache>
            </c:numRef>
          </c:val>
          <c:smooth val="0"/>
          <c:extLst>
            <c:ext xmlns:c16="http://schemas.microsoft.com/office/drawing/2014/chart" uri="{C3380CC4-5D6E-409C-BE32-E72D297353CC}">
              <c16:uniqueId val="{00000003-046C-4887-8D44-E71AC54BD5A5}"/>
            </c:ext>
          </c:extLst>
        </c:ser>
        <c:ser>
          <c:idx val="4"/>
          <c:order val="4"/>
          <c:tx>
            <c:strRef>
              <c:f>'Forward Curves_Same Index_LIBOR'!$J$8</c:f>
              <c:strCache>
                <c:ptCount val="1"/>
                <c:pt idx="0">
                  <c:v>As of 05/01/2022</c:v>
                </c:pt>
              </c:strCache>
            </c:strRef>
          </c:tx>
          <c:spPr>
            <a:ln w="28575" cap="rnd">
              <a:solidFill>
                <a:schemeClr val="accent5"/>
              </a:solidFill>
              <a:round/>
            </a:ln>
            <a:effectLst/>
          </c:spPr>
          <c:marker>
            <c:symbol val="none"/>
          </c:marker>
          <c:cat>
            <c:numRef>
              <c:f>'Forward Curves_Same Index_LIBOR'!$E$9:$E$129</c:f>
              <c:numCache>
                <c:formatCode>m/d/yyyy</c:formatCode>
                <c:ptCount val="121"/>
                <c:pt idx="0">
                  <c:v>44592</c:v>
                </c:pt>
                <c:pt idx="1">
                  <c:v>44620</c:v>
                </c:pt>
                <c:pt idx="2">
                  <c:v>44651</c:v>
                </c:pt>
                <c:pt idx="3">
                  <c:v>44680</c:v>
                </c:pt>
                <c:pt idx="4">
                  <c:v>44712</c:v>
                </c:pt>
                <c:pt idx="5">
                  <c:v>44742</c:v>
                </c:pt>
                <c:pt idx="6">
                  <c:v>44771</c:v>
                </c:pt>
                <c:pt idx="7">
                  <c:v>44804</c:v>
                </c:pt>
                <c:pt idx="8">
                  <c:v>44834</c:v>
                </c:pt>
                <c:pt idx="9">
                  <c:v>44865</c:v>
                </c:pt>
                <c:pt idx="10">
                  <c:v>44895</c:v>
                </c:pt>
                <c:pt idx="11">
                  <c:v>44925</c:v>
                </c:pt>
                <c:pt idx="12">
                  <c:v>44957</c:v>
                </c:pt>
                <c:pt idx="13">
                  <c:v>44985</c:v>
                </c:pt>
                <c:pt idx="14">
                  <c:v>45016</c:v>
                </c:pt>
                <c:pt idx="15">
                  <c:v>45044</c:v>
                </c:pt>
                <c:pt idx="16">
                  <c:v>45077</c:v>
                </c:pt>
                <c:pt idx="17">
                  <c:v>45107</c:v>
                </c:pt>
                <c:pt idx="18">
                  <c:v>45138</c:v>
                </c:pt>
                <c:pt idx="19">
                  <c:v>45169</c:v>
                </c:pt>
                <c:pt idx="20">
                  <c:v>45198</c:v>
                </c:pt>
                <c:pt idx="21">
                  <c:v>45230</c:v>
                </c:pt>
                <c:pt idx="22">
                  <c:v>45260</c:v>
                </c:pt>
                <c:pt idx="23">
                  <c:v>45289</c:v>
                </c:pt>
                <c:pt idx="24">
                  <c:v>45322</c:v>
                </c:pt>
                <c:pt idx="25">
                  <c:v>45351</c:v>
                </c:pt>
                <c:pt idx="26">
                  <c:v>45379</c:v>
                </c:pt>
                <c:pt idx="27">
                  <c:v>45412</c:v>
                </c:pt>
                <c:pt idx="28">
                  <c:v>45443</c:v>
                </c:pt>
                <c:pt idx="29">
                  <c:v>45471</c:v>
                </c:pt>
                <c:pt idx="30">
                  <c:v>45504</c:v>
                </c:pt>
                <c:pt idx="31">
                  <c:v>45534</c:v>
                </c:pt>
                <c:pt idx="32">
                  <c:v>45565</c:v>
                </c:pt>
                <c:pt idx="33">
                  <c:v>45596</c:v>
                </c:pt>
                <c:pt idx="34">
                  <c:v>45625</c:v>
                </c:pt>
                <c:pt idx="35">
                  <c:v>45657</c:v>
                </c:pt>
                <c:pt idx="36">
                  <c:v>45688</c:v>
                </c:pt>
                <c:pt idx="37">
                  <c:v>45716</c:v>
                </c:pt>
                <c:pt idx="38">
                  <c:v>45747</c:v>
                </c:pt>
                <c:pt idx="39">
                  <c:v>45777</c:v>
                </c:pt>
                <c:pt idx="40">
                  <c:v>45807</c:v>
                </c:pt>
                <c:pt idx="41">
                  <c:v>45838</c:v>
                </c:pt>
                <c:pt idx="42">
                  <c:v>45869</c:v>
                </c:pt>
                <c:pt idx="43">
                  <c:v>45898</c:v>
                </c:pt>
                <c:pt idx="44">
                  <c:v>45930</c:v>
                </c:pt>
                <c:pt idx="45">
                  <c:v>45961</c:v>
                </c:pt>
                <c:pt idx="46">
                  <c:v>45989</c:v>
                </c:pt>
                <c:pt idx="47">
                  <c:v>46022</c:v>
                </c:pt>
                <c:pt idx="48">
                  <c:v>46052</c:v>
                </c:pt>
                <c:pt idx="49">
                  <c:v>46080</c:v>
                </c:pt>
                <c:pt idx="50">
                  <c:v>46112</c:v>
                </c:pt>
                <c:pt idx="51">
                  <c:v>46142</c:v>
                </c:pt>
                <c:pt idx="52">
                  <c:v>46171</c:v>
                </c:pt>
                <c:pt idx="53">
                  <c:v>46203</c:v>
                </c:pt>
                <c:pt idx="54">
                  <c:v>46234</c:v>
                </c:pt>
                <c:pt idx="55">
                  <c:v>46265</c:v>
                </c:pt>
                <c:pt idx="56">
                  <c:v>46295</c:v>
                </c:pt>
                <c:pt idx="57">
                  <c:v>46325</c:v>
                </c:pt>
                <c:pt idx="58">
                  <c:v>46356</c:v>
                </c:pt>
                <c:pt idx="59">
                  <c:v>46387</c:v>
                </c:pt>
                <c:pt idx="60">
                  <c:v>46416</c:v>
                </c:pt>
                <c:pt idx="61">
                  <c:v>46444</c:v>
                </c:pt>
                <c:pt idx="62">
                  <c:v>46477</c:v>
                </c:pt>
                <c:pt idx="63">
                  <c:v>46507</c:v>
                </c:pt>
                <c:pt idx="64">
                  <c:v>46538</c:v>
                </c:pt>
                <c:pt idx="65">
                  <c:v>46568</c:v>
                </c:pt>
                <c:pt idx="66">
                  <c:v>46598</c:v>
                </c:pt>
                <c:pt idx="67">
                  <c:v>46630</c:v>
                </c:pt>
                <c:pt idx="68">
                  <c:v>46660</c:v>
                </c:pt>
                <c:pt idx="69">
                  <c:v>46689</c:v>
                </c:pt>
                <c:pt idx="70">
                  <c:v>46721</c:v>
                </c:pt>
                <c:pt idx="71">
                  <c:v>46752</c:v>
                </c:pt>
                <c:pt idx="72">
                  <c:v>46783</c:v>
                </c:pt>
                <c:pt idx="73">
                  <c:v>46812</c:v>
                </c:pt>
                <c:pt idx="74">
                  <c:v>46843</c:v>
                </c:pt>
                <c:pt idx="75">
                  <c:v>46871</c:v>
                </c:pt>
                <c:pt idx="76">
                  <c:v>46904</c:v>
                </c:pt>
                <c:pt idx="77">
                  <c:v>46934</c:v>
                </c:pt>
                <c:pt idx="78">
                  <c:v>46965</c:v>
                </c:pt>
                <c:pt idx="79">
                  <c:v>46996</c:v>
                </c:pt>
                <c:pt idx="80">
                  <c:v>47025</c:v>
                </c:pt>
                <c:pt idx="81">
                  <c:v>47057</c:v>
                </c:pt>
                <c:pt idx="82">
                  <c:v>47087</c:v>
                </c:pt>
                <c:pt idx="83">
                  <c:v>47116</c:v>
                </c:pt>
                <c:pt idx="84">
                  <c:v>47149</c:v>
                </c:pt>
                <c:pt idx="85">
                  <c:v>47177</c:v>
                </c:pt>
                <c:pt idx="86">
                  <c:v>47207</c:v>
                </c:pt>
                <c:pt idx="87">
                  <c:v>47238</c:v>
                </c:pt>
                <c:pt idx="88">
                  <c:v>47269</c:v>
                </c:pt>
                <c:pt idx="89">
                  <c:v>47298</c:v>
                </c:pt>
                <c:pt idx="90">
                  <c:v>47330</c:v>
                </c:pt>
                <c:pt idx="91">
                  <c:v>47361</c:v>
                </c:pt>
                <c:pt idx="92">
                  <c:v>47389</c:v>
                </c:pt>
                <c:pt idx="93">
                  <c:v>47422</c:v>
                </c:pt>
                <c:pt idx="94">
                  <c:v>47452</c:v>
                </c:pt>
                <c:pt idx="95">
                  <c:v>47483</c:v>
                </c:pt>
                <c:pt idx="96">
                  <c:v>47514</c:v>
                </c:pt>
                <c:pt idx="97">
                  <c:v>47542</c:v>
                </c:pt>
                <c:pt idx="98">
                  <c:v>47571</c:v>
                </c:pt>
                <c:pt idx="99">
                  <c:v>47603</c:v>
                </c:pt>
                <c:pt idx="100">
                  <c:v>47634</c:v>
                </c:pt>
                <c:pt idx="101">
                  <c:v>47662</c:v>
                </c:pt>
                <c:pt idx="102">
                  <c:v>47695</c:v>
                </c:pt>
                <c:pt idx="103">
                  <c:v>47725</c:v>
                </c:pt>
                <c:pt idx="104">
                  <c:v>47756</c:v>
                </c:pt>
                <c:pt idx="105">
                  <c:v>47787</c:v>
                </c:pt>
                <c:pt idx="106">
                  <c:v>47816</c:v>
                </c:pt>
                <c:pt idx="107">
                  <c:v>47848</c:v>
                </c:pt>
                <c:pt idx="108">
                  <c:v>47879</c:v>
                </c:pt>
                <c:pt idx="109">
                  <c:v>47907</c:v>
                </c:pt>
                <c:pt idx="110">
                  <c:v>47938</c:v>
                </c:pt>
                <c:pt idx="111">
                  <c:v>47968</c:v>
                </c:pt>
                <c:pt idx="112">
                  <c:v>47998</c:v>
                </c:pt>
                <c:pt idx="113">
                  <c:v>48029</c:v>
                </c:pt>
                <c:pt idx="114">
                  <c:v>48060</c:v>
                </c:pt>
                <c:pt idx="115">
                  <c:v>48089</c:v>
                </c:pt>
                <c:pt idx="116">
                  <c:v>48121</c:v>
                </c:pt>
                <c:pt idx="117">
                  <c:v>48152</c:v>
                </c:pt>
                <c:pt idx="118">
                  <c:v>48180</c:v>
                </c:pt>
                <c:pt idx="119">
                  <c:v>48213</c:v>
                </c:pt>
                <c:pt idx="120">
                  <c:v>48243</c:v>
                </c:pt>
              </c:numCache>
            </c:numRef>
          </c:cat>
          <c:val>
            <c:numRef>
              <c:f>'Forward Curves_Same Index_LIBOR'!$J$9:$J$129</c:f>
            </c:numRef>
          </c:val>
          <c:smooth val="0"/>
          <c:extLst>
            <c:ext xmlns:c16="http://schemas.microsoft.com/office/drawing/2014/chart" uri="{C3380CC4-5D6E-409C-BE32-E72D297353CC}">
              <c16:uniqueId val="{00000004-046C-4887-8D44-E71AC54BD5A5}"/>
            </c:ext>
          </c:extLst>
        </c:ser>
        <c:ser>
          <c:idx val="5"/>
          <c:order val="5"/>
          <c:tx>
            <c:strRef>
              <c:f>'Forward Curves_Same Index_LIBOR'!$K$8</c:f>
              <c:strCache>
                <c:ptCount val="1"/>
                <c:pt idx="0">
                  <c:v>As of 05/05/2022</c:v>
                </c:pt>
              </c:strCache>
            </c:strRef>
          </c:tx>
          <c:spPr>
            <a:ln w="28575" cap="rnd">
              <a:solidFill>
                <a:schemeClr val="tx2"/>
              </a:solidFill>
              <a:round/>
            </a:ln>
            <a:effectLst/>
          </c:spPr>
          <c:marker>
            <c:symbol val="none"/>
          </c:marker>
          <c:cat>
            <c:numRef>
              <c:f>'Forward Curves_Same Index_LIBOR'!$E$9:$E$129</c:f>
              <c:numCache>
                <c:formatCode>m/d/yyyy</c:formatCode>
                <c:ptCount val="121"/>
                <c:pt idx="0">
                  <c:v>44592</c:v>
                </c:pt>
                <c:pt idx="1">
                  <c:v>44620</c:v>
                </c:pt>
                <c:pt idx="2">
                  <c:v>44651</c:v>
                </c:pt>
                <c:pt idx="3">
                  <c:v>44680</c:v>
                </c:pt>
                <c:pt idx="4">
                  <c:v>44712</c:v>
                </c:pt>
                <c:pt idx="5">
                  <c:v>44742</c:v>
                </c:pt>
                <c:pt idx="6">
                  <c:v>44771</c:v>
                </c:pt>
                <c:pt idx="7">
                  <c:v>44804</c:v>
                </c:pt>
                <c:pt idx="8">
                  <c:v>44834</c:v>
                </c:pt>
                <c:pt idx="9">
                  <c:v>44865</c:v>
                </c:pt>
                <c:pt idx="10">
                  <c:v>44895</c:v>
                </c:pt>
                <c:pt idx="11">
                  <c:v>44925</c:v>
                </c:pt>
                <c:pt idx="12">
                  <c:v>44957</c:v>
                </c:pt>
                <c:pt idx="13">
                  <c:v>44985</c:v>
                </c:pt>
                <c:pt idx="14">
                  <c:v>45016</c:v>
                </c:pt>
                <c:pt idx="15">
                  <c:v>45044</c:v>
                </c:pt>
                <c:pt idx="16">
                  <c:v>45077</c:v>
                </c:pt>
                <c:pt idx="17">
                  <c:v>45107</c:v>
                </c:pt>
                <c:pt idx="18">
                  <c:v>45138</c:v>
                </c:pt>
                <c:pt idx="19">
                  <c:v>45169</c:v>
                </c:pt>
                <c:pt idx="20">
                  <c:v>45198</c:v>
                </c:pt>
                <c:pt idx="21">
                  <c:v>45230</c:v>
                </c:pt>
                <c:pt idx="22">
                  <c:v>45260</c:v>
                </c:pt>
                <c:pt idx="23">
                  <c:v>45289</c:v>
                </c:pt>
                <c:pt idx="24">
                  <c:v>45322</c:v>
                </c:pt>
                <c:pt idx="25">
                  <c:v>45351</c:v>
                </c:pt>
                <c:pt idx="26">
                  <c:v>45379</c:v>
                </c:pt>
                <c:pt idx="27">
                  <c:v>45412</c:v>
                </c:pt>
                <c:pt idx="28">
                  <c:v>45443</c:v>
                </c:pt>
                <c:pt idx="29">
                  <c:v>45471</c:v>
                </c:pt>
                <c:pt idx="30">
                  <c:v>45504</c:v>
                </c:pt>
                <c:pt idx="31">
                  <c:v>45534</c:v>
                </c:pt>
                <c:pt idx="32">
                  <c:v>45565</c:v>
                </c:pt>
                <c:pt idx="33">
                  <c:v>45596</c:v>
                </c:pt>
                <c:pt idx="34">
                  <c:v>45625</c:v>
                </c:pt>
                <c:pt idx="35">
                  <c:v>45657</c:v>
                </c:pt>
                <c:pt idx="36">
                  <c:v>45688</c:v>
                </c:pt>
                <c:pt idx="37">
                  <c:v>45716</c:v>
                </c:pt>
                <c:pt idx="38">
                  <c:v>45747</c:v>
                </c:pt>
                <c:pt idx="39">
                  <c:v>45777</c:v>
                </c:pt>
                <c:pt idx="40">
                  <c:v>45807</c:v>
                </c:pt>
                <c:pt idx="41">
                  <c:v>45838</c:v>
                </c:pt>
                <c:pt idx="42">
                  <c:v>45869</c:v>
                </c:pt>
                <c:pt idx="43">
                  <c:v>45898</c:v>
                </c:pt>
                <c:pt idx="44">
                  <c:v>45930</c:v>
                </c:pt>
                <c:pt idx="45">
                  <c:v>45961</c:v>
                </c:pt>
                <c:pt idx="46">
                  <c:v>45989</c:v>
                </c:pt>
                <c:pt idx="47">
                  <c:v>46022</c:v>
                </c:pt>
                <c:pt idx="48">
                  <c:v>46052</c:v>
                </c:pt>
                <c:pt idx="49">
                  <c:v>46080</c:v>
                </c:pt>
                <c:pt idx="50">
                  <c:v>46112</c:v>
                </c:pt>
                <c:pt idx="51">
                  <c:v>46142</c:v>
                </c:pt>
                <c:pt idx="52">
                  <c:v>46171</c:v>
                </c:pt>
                <c:pt idx="53">
                  <c:v>46203</c:v>
                </c:pt>
                <c:pt idx="54">
                  <c:v>46234</c:v>
                </c:pt>
                <c:pt idx="55">
                  <c:v>46265</c:v>
                </c:pt>
                <c:pt idx="56">
                  <c:v>46295</c:v>
                </c:pt>
                <c:pt idx="57">
                  <c:v>46325</c:v>
                </c:pt>
                <c:pt idx="58">
                  <c:v>46356</c:v>
                </c:pt>
                <c:pt idx="59">
                  <c:v>46387</c:v>
                </c:pt>
                <c:pt idx="60">
                  <c:v>46416</c:v>
                </c:pt>
                <c:pt idx="61">
                  <c:v>46444</c:v>
                </c:pt>
                <c:pt idx="62">
                  <c:v>46477</c:v>
                </c:pt>
                <c:pt idx="63">
                  <c:v>46507</c:v>
                </c:pt>
                <c:pt idx="64">
                  <c:v>46538</c:v>
                </c:pt>
                <c:pt idx="65">
                  <c:v>46568</c:v>
                </c:pt>
                <c:pt idx="66">
                  <c:v>46598</c:v>
                </c:pt>
                <c:pt idx="67">
                  <c:v>46630</c:v>
                </c:pt>
                <c:pt idx="68">
                  <c:v>46660</c:v>
                </c:pt>
                <c:pt idx="69">
                  <c:v>46689</c:v>
                </c:pt>
                <c:pt idx="70">
                  <c:v>46721</c:v>
                </c:pt>
                <c:pt idx="71">
                  <c:v>46752</c:v>
                </c:pt>
                <c:pt idx="72">
                  <c:v>46783</c:v>
                </c:pt>
                <c:pt idx="73">
                  <c:v>46812</c:v>
                </c:pt>
                <c:pt idx="74">
                  <c:v>46843</c:v>
                </c:pt>
                <c:pt idx="75">
                  <c:v>46871</c:v>
                </c:pt>
                <c:pt idx="76">
                  <c:v>46904</c:v>
                </c:pt>
                <c:pt idx="77">
                  <c:v>46934</c:v>
                </c:pt>
                <c:pt idx="78">
                  <c:v>46965</c:v>
                </c:pt>
                <c:pt idx="79">
                  <c:v>46996</c:v>
                </c:pt>
                <c:pt idx="80">
                  <c:v>47025</c:v>
                </c:pt>
                <c:pt idx="81">
                  <c:v>47057</c:v>
                </c:pt>
                <c:pt idx="82">
                  <c:v>47087</c:v>
                </c:pt>
                <c:pt idx="83">
                  <c:v>47116</c:v>
                </c:pt>
                <c:pt idx="84">
                  <c:v>47149</c:v>
                </c:pt>
                <c:pt idx="85">
                  <c:v>47177</c:v>
                </c:pt>
                <c:pt idx="86">
                  <c:v>47207</c:v>
                </c:pt>
                <c:pt idx="87">
                  <c:v>47238</c:v>
                </c:pt>
                <c:pt idx="88">
                  <c:v>47269</c:v>
                </c:pt>
                <c:pt idx="89">
                  <c:v>47298</c:v>
                </c:pt>
                <c:pt idx="90">
                  <c:v>47330</c:v>
                </c:pt>
                <c:pt idx="91">
                  <c:v>47361</c:v>
                </c:pt>
                <c:pt idx="92">
                  <c:v>47389</c:v>
                </c:pt>
                <c:pt idx="93">
                  <c:v>47422</c:v>
                </c:pt>
                <c:pt idx="94">
                  <c:v>47452</c:v>
                </c:pt>
                <c:pt idx="95">
                  <c:v>47483</c:v>
                </c:pt>
                <c:pt idx="96">
                  <c:v>47514</c:v>
                </c:pt>
                <c:pt idx="97">
                  <c:v>47542</c:v>
                </c:pt>
                <c:pt idx="98">
                  <c:v>47571</c:v>
                </c:pt>
                <c:pt idx="99">
                  <c:v>47603</c:v>
                </c:pt>
                <c:pt idx="100">
                  <c:v>47634</c:v>
                </c:pt>
                <c:pt idx="101">
                  <c:v>47662</c:v>
                </c:pt>
                <c:pt idx="102">
                  <c:v>47695</c:v>
                </c:pt>
                <c:pt idx="103">
                  <c:v>47725</c:v>
                </c:pt>
                <c:pt idx="104">
                  <c:v>47756</c:v>
                </c:pt>
                <c:pt idx="105">
                  <c:v>47787</c:v>
                </c:pt>
                <c:pt idx="106">
                  <c:v>47816</c:v>
                </c:pt>
                <c:pt idx="107">
                  <c:v>47848</c:v>
                </c:pt>
                <c:pt idx="108">
                  <c:v>47879</c:v>
                </c:pt>
                <c:pt idx="109">
                  <c:v>47907</c:v>
                </c:pt>
                <c:pt idx="110">
                  <c:v>47938</c:v>
                </c:pt>
                <c:pt idx="111">
                  <c:v>47968</c:v>
                </c:pt>
                <c:pt idx="112">
                  <c:v>47998</c:v>
                </c:pt>
                <c:pt idx="113">
                  <c:v>48029</c:v>
                </c:pt>
                <c:pt idx="114">
                  <c:v>48060</c:v>
                </c:pt>
                <c:pt idx="115">
                  <c:v>48089</c:v>
                </c:pt>
                <c:pt idx="116">
                  <c:v>48121</c:v>
                </c:pt>
                <c:pt idx="117">
                  <c:v>48152</c:v>
                </c:pt>
                <c:pt idx="118">
                  <c:v>48180</c:v>
                </c:pt>
                <c:pt idx="119">
                  <c:v>48213</c:v>
                </c:pt>
                <c:pt idx="120">
                  <c:v>48243</c:v>
                </c:pt>
              </c:numCache>
            </c:numRef>
          </c:cat>
          <c:val>
            <c:numRef>
              <c:f>'Forward Curves_Same Index_LIBOR'!$K$9:$K$129</c:f>
              <c:numCache>
                <c:formatCode>General</c:formatCode>
                <c:ptCount val="121"/>
                <c:pt idx="4" formatCode="0.000%">
                  <c:v>1.14957142505922E-2</c:v>
                </c:pt>
                <c:pt idx="5" formatCode="0.000%">
                  <c:v>1.5336347252986099E-2</c:v>
                </c:pt>
                <c:pt idx="6" formatCode="0.000%">
                  <c:v>1.88390094861829E-2</c:v>
                </c:pt>
                <c:pt idx="7" formatCode="0.000%">
                  <c:v>2.2199807324503499E-2</c:v>
                </c:pt>
                <c:pt idx="8" formatCode="0.000%">
                  <c:v>2.4608885389982401E-2</c:v>
                </c:pt>
                <c:pt idx="9" formatCode="0.000%">
                  <c:v>2.6660041641737599E-2</c:v>
                </c:pt>
                <c:pt idx="10" formatCode="0.000%">
                  <c:v>2.8323637027792999E-2</c:v>
                </c:pt>
                <c:pt idx="11" formatCode="0.000%">
                  <c:v>2.97288867718234E-2</c:v>
                </c:pt>
                <c:pt idx="12" formatCode="0.000%">
                  <c:v>3.1057631225336599E-2</c:v>
                </c:pt>
                <c:pt idx="13" formatCode="0.000%">
                  <c:v>3.2165499673214401E-2</c:v>
                </c:pt>
                <c:pt idx="14" formatCode="0.000%">
                  <c:v>3.3114272249646297E-2</c:v>
                </c:pt>
                <c:pt idx="15" formatCode="0.000%">
                  <c:v>3.3829770759298203E-2</c:v>
                </c:pt>
                <c:pt idx="16" formatCode="0.000%">
                  <c:v>3.4416358334726699E-2</c:v>
                </c:pt>
                <c:pt idx="17" formatCode="0.000%">
                  <c:v>3.4651147039146901E-2</c:v>
                </c:pt>
                <c:pt idx="18" formatCode="0.000%">
                  <c:v>3.4630654201283098E-2</c:v>
                </c:pt>
                <c:pt idx="19" formatCode="0.000%">
                  <c:v>3.43775545335432E-2</c:v>
                </c:pt>
                <c:pt idx="20" formatCode="0.000%">
                  <c:v>3.3909237492086103E-2</c:v>
                </c:pt>
                <c:pt idx="21" formatCode="0.000%">
                  <c:v>3.3246524912942201E-2</c:v>
                </c:pt>
                <c:pt idx="22" formatCode="0.000%">
                  <c:v>3.26350255816052E-2</c:v>
                </c:pt>
                <c:pt idx="23" formatCode="0.000%">
                  <c:v>3.2046108355326501E-2</c:v>
                </c:pt>
                <c:pt idx="24" formatCode="0.000%">
                  <c:v>3.1497519580593103E-2</c:v>
                </c:pt>
                <c:pt idx="25" formatCode="0.000%">
                  <c:v>3.1169638837177899E-2</c:v>
                </c:pt>
                <c:pt idx="26" formatCode="0.000%">
                  <c:v>3.0941670252351599E-2</c:v>
                </c:pt>
                <c:pt idx="27" formatCode="0.000%">
                  <c:v>3.07960903298636E-2</c:v>
                </c:pt>
                <c:pt idx="28" formatCode="0.000%">
                  <c:v>3.0759676990420998E-2</c:v>
                </c:pt>
                <c:pt idx="29" formatCode="0.000%">
                  <c:v>3.0735680471694501E-2</c:v>
                </c:pt>
                <c:pt idx="30" formatCode="0.000%">
                  <c:v>3.0708710650162299E-2</c:v>
                </c:pt>
                <c:pt idx="31" formatCode="0.000%">
                  <c:v>3.0685756008920099E-2</c:v>
                </c:pt>
                <c:pt idx="32" formatCode="0.000%">
                  <c:v>3.06227002884823E-2</c:v>
                </c:pt>
                <c:pt idx="33" formatCode="0.000%">
                  <c:v>3.0536577565565701E-2</c:v>
                </c:pt>
                <c:pt idx="34" formatCode="0.000%">
                  <c:v>3.0434442359747599E-2</c:v>
                </c:pt>
                <c:pt idx="35" formatCode="0.000%">
                  <c:v>3.0280005774431899E-2</c:v>
                </c:pt>
                <c:pt idx="36" formatCode="0.000%">
                  <c:v>3.0114276783561499E-2</c:v>
                </c:pt>
                <c:pt idx="37" formatCode="0.000%">
                  <c:v>2.9944324289624701E-2</c:v>
                </c:pt>
                <c:pt idx="38" formatCode="0.000%">
                  <c:v>2.9726233199591001E-2</c:v>
                </c:pt>
                <c:pt idx="39" formatCode="0.000%">
                  <c:v>2.9512782252290499E-2</c:v>
                </c:pt>
                <c:pt idx="40" formatCode="0.000%">
                  <c:v>2.93203021283562E-2</c:v>
                </c:pt>
                <c:pt idx="41" formatCode="0.000%">
                  <c:v>2.91174498347734E-2</c:v>
                </c:pt>
                <c:pt idx="42" formatCode="0.000%">
                  <c:v>2.89448260532249E-2</c:v>
                </c:pt>
                <c:pt idx="43" formatCode="0.000%">
                  <c:v>2.8805093265308501E-2</c:v>
                </c:pt>
                <c:pt idx="44" formatCode="0.000%">
                  <c:v>2.8654621551475402E-2</c:v>
                </c:pt>
                <c:pt idx="45" formatCode="0.000%">
                  <c:v>2.85378385621026E-2</c:v>
                </c:pt>
                <c:pt idx="46" formatCode="0.000%">
                  <c:v>2.84564016733517E-2</c:v>
                </c:pt>
                <c:pt idx="47" formatCode="0.000%">
                  <c:v>2.8364792243079699E-2</c:v>
                </c:pt>
                <c:pt idx="48" formatCode="0.000%">
                  <c:v>2.82985848668415E-2</c:v>
                </c:pt>
                <c:pt idx="49" formatCode="0.000%">
                  <c:v>2.8256718463523602E-2</c:v>
                </c:pt>
                <c:pt idx="50" formatCode="0.000%">
                  <c:v>2.8208163967349601E-2</c:v>
                </c:pt>
                <c:pt idx="51" formatCode="0.000%">
                  <c:v>2.8176920908758198E-2</c:v>
                </c:pt>
                <c:pt idx="52" formatCode="0.000%">
                  <c:v>2.8167527027893699E-2</c:v>
                </c:pt>
                <c:pt idx="53" formatCode="0.000%">
                  <c:v>2.81534022688637E-2</c:v>
                </c:pt>
                <c:pt idx="54" formatCode="0.000%">
                  <c:v>2.8151049238046101E-2</c:v>
                </c:pt>
                <c:pt idx="55" formatCode="0.000%">
                  <c:v>2.8172221752484801E-2</c:v>
                </c:pt>
                <c:pt idx="56" formatCode="0.000%">
                  <c:v>2.8185874512153802E-2</c:v>
                </c:pt>
                <c:pt idx="57" formatCode="0.000%">
                  <c:v>2.82078716149455E-2</c:v>
                </c:pt>
                <c:pt idx="58" formatCode="0.000%">
                  <c:v>2.8252187319290401E-2</c:v>
                </c:pt>
                <c:pt idx="59" formatCode="0.000%">
                  <c:v>2.8286090053423401E-2</c:v>
                </c:pt>
                <c:pt idx="60" formatCode="0.000%">
                  <c:v>2.8323365735698099E-2</c:v>
                </c:pt>
                <c:pt idx="61" formatCode="0.000%">
                  <c:v>2.8376246401927201E-2</c:v>
                </c:pt>
                <c:pt idx="62" formatCode="0.000%">
                  <c:v>2.8422919892041799E-2</c:v>
                </c:pt>
                <c:pt idx="63" formatCode="0.000%">
                  <c:v>2.84656955388859E-2</c:v>
                </c:pt>
                <c:pt idx="64" formatCode="0.000%">
                  <c:v>2.85266680950058E-2</c:v>
                </c:pt>
                <c:pt idx="65" formatCode="0.000%">
                  <c:v>2.85724779367948E-2</c:v>
                </c:pt>
                <c:pt idx="66" formatCode="0.000%">
                  <c:v>2.86205087703417E-2</c:v>
                </c:pt>
                <c:pt idx="67" formatCode="0.000%">
                  <c:v>2.8687929683297898E-2</c:v>
                </c:pt>
                <c:pt idx="68" formatCode="0.000%">
                  <c:v>2.8736857700677899E-2</c:v>
                </c:pt>
                <c:pt idx="69" formatCode="0.000%">
                  <c:v>2.8786801743805601E-2</c:v>
                </c:pt>
                <c:pt idx="70" formatCode="0.000%">
                  <c:v>2.88565988548708E-2</c:v>
                </c:pt>
                <c:pt idx="71" formatCode="0.000%">
                  <c:v>2.89050187379306E-2</c:v>
                </c:pt>
                <c:pt idx="72" formatCode="0.000%">
                  <c:v>2.89538490073846E-2</c:v>
                </c:pt>
                <c:pt idx="73" formatCode="0.000%">
                  <c:v>2.9012412635543199E-2</c:v>
                </c:pt>
                <c:pt idx="74" formatCode="0.000%">
                  <c:v>2.90540568943259E-2</c:v>
                </c:pt>
                <c:pt idx="75" formatCode="0.000%">
                  <c:v>2.90908010449266E-2</c:v>
                </c:pt>
                <c:pt idx="76" formatCode="0.000%">
                  <c:v>2.91454876431416E-2</c:v>
                </c:pt>
                <c:pt idx="77" formatCode="0.000%">
                  <c:v>2.91775156293302E-2</c:v>
                </c:pt>
                <c:pt idx="78" formatCode="0.000%">
                  <c:v>2.92099061765391E-2</c:v>
                </c:pt>
                <c:pt idx="79" formatCode="0.000%">
                  <c:v>2.92515851493554E-2</c:v>
                </c:pt>
                <c:pt idx="80" formatCode="0.000%">
                  <c:v>2.92762241229419E-2</c:v>
                </c:pt>
                <c:pt idx="81" formatCode="0.000%">
                  <c:v>2.9297658509616801E-2</c:v>
                </c:pt>
                <c:pt idx="82" formatCode="0.000%">
                  <c:v>2.9325248280769101E-2</c:v>
                </c:pt>
                <c:pt idx="83" formatCode="0.000%">
                  <c:v>2.9334604904408899E-2</c:v>
                </c:pt>
                <c:pt idx="84" formatCode="0.000%">
                  <c:v>2.9336147646767501E-2</c:v>
                </c:pt>
                <c:pt idx="85" formatCode="0.000%">
                  <c:v>2.9342992737275701E-2</c:v>
                </c:pt>
                <c:pt idx="86" formatCode="0.000%">
                  <c:v>2.9329038207199801E-2</c:v>
                </c:pt>
                <c:pt idx="87" formatCode="0.000%">
                  <c:v>2.9311321471167801E-2</c:v>
                </c:pt>
                <c:pt idx="88" formatCode="0.000%">
                  <c:v>2.93077178929677E-2</c:v>
                </c:pt>
                <c:pt idx="89" formatCode="0.000%">
                  <c:v>2.92909615735653E-2</c:v>
                </c:pt>
                <c:pt idx="90" formatCode="0.000%">
                  <c:v>2.9274622158519701E-2</c:v>
                </c:pt>
                <c:pt idx="91" formatCode="0.000%">
                  <c:v>2.9277239549006E-2</c:v>
                </c:pt>
                <c:pt idx="92" formatCode="0.000%">
                  <c:v>2.92683164628194E-2</c:v>
                </c:pt>
                <c:pt idx="93" formatCode="0.000%">
                  <c:v>2.9260208035852001E-2</c:v>
                </c:pt>
                <c:pt idx="94" formatCode="0.000%">
                  <c:v>2.9269849329622701E-2</c:v>
                </c:pt>
                <c:pt idx="95" formatCode="0.000%">
                  <c:v>2.9266555247725999E-2</c:v>
                </c:pt>
                <c:pt idx="96" formatCode="0.000%">
                  <c:v>2.9265851835740299E-2</c:v>
                </c:pt>
                <c:pt idx="97" formatCode="0.000%">
                  <c:v>2.9277274636297701E-2</c:v>
                </c:pt>
                <c:pt idx="98" formatCode="0.000%">
                  <c:v>2.9275761571867499E-2</c:v>
                </c:pt>
                <c:pt idx="99" formatCode="0.000%">
                  <c:v>2.9271774063369799E-2</c:v>
                </c:pt>
                <c:pt idx="100" formatCode="0.000%">
                  <c:v>2.9284496394292401E-2</c:v>
                </c:pt>
                <c:pt idx="101" formatCode="0.000%">
                  <c:v>2.9286017960412799E-2</c:v>
                </c:pt>
                <c:pt idx="102" formatCode="0.000%">
                  <c:v>2.9292148403609001E-2</c:v>
                </c:pt>
                <c:pt idx="103" formatCode="0.000%">
                  <c:v>2.9317281909981199E-2</c:v>
                </c:pt>
                <c:pt idx="104" formatCode="0.000%">
                  <c:v>2.9335039226856999E-2</c:v>
                </c:pt>
                <c:pt idx="105" formatCode="0.000%">
                  <c:v>2.9359127653067099E-2</c:v>
                </c:pt>
                <c:pt idx="106" formatCode="0.000%">
                  <c:v>2.9401210139242701E-2</c:v>
                </c:pt>
                <c:pt idx="107" formatCode="0.000%">
                  <c:v>2.9437733916425401E-2</c:v>
                </c:pt>
                <c:pt idx="108" formatCode="0.000%">
                  <c:v>2.9475716229359201E-2</c:v>
                </c:pt>
                <c:pt idx="109" formatCode="0.000%">
                  <c:v>2.95267775359963E-2</c:v>
                </c:pt>
                <c:pt idx="110" formatCode="0.000%">
                  <c:v>2.9569613462788202E-2</c:v>
                </c:pt>
                <c:pt idx="111" formatCode="0.000%">
                  <c:v>2.96105207770672E-2</c:v>
                </c:pt>
                <c:pt idx="112" formatCode="0.000%">
                  <c:v>2.9663299049428601E-2</c:v>
                </c:pt>
                <c:pt idx="113" formatCode="0.000%">
                  <c:v>2.9702912764247202E-2</c:v>
                </c:pt>
                <c:pt idx="114" formatCode="0.000%">
                  <c:v>2.9740021661999599E-2</c:v>
                </c:pt>
                <c:pt idx="115" formatCode="0.000%">
                  <c:v>2.9786027444493199E-2</c:v>
                </c:pt>
                <c:pt idx="116" formatCode="0.000%">
                  <c:v>2.9819076410711701E-2</c:v>
                </c:pt>
                <c:pt idx="117" formatCode="0.000%">
                  <c:v>2.9843445192926098E-2</c:v>
                </c:pt>
                <c:pt idx="118" formatCode="0.000%">
                  <c:v>2.9871973158630799E-2</c:v>
                </c:pt>
                <c:pt idx="119" formatCode="0.000%">
                  <c:v>2.9882498265509601E-2</c:v>
                </c:pt>
                <c:pt idx="120" formatCode="0.000%">
                  <c:v>2.98832952437512E-2</c:v>
                </c:pt>
              </c:numCache>
            </c:numRef>
          </c:val>
          <c:smooth val="0"/>
          <c:extLst>
            <c:ext xmlns:c16="http://schemas.microsoft.com/office/drawing/2014/chart" uri="{C3380CC4-5D6E-409C-BE32-E72D297353CC}">
              <c16:uniqueId val="{00000005-046C-4887-8D44-E71AC54BD5A5}"/>
            </c:ext>
          </c:extLst>
        </c:ser>
        <c:dLbls>
          <c:showLegendKey val="0"/>
          <c:showVal val="0"/>
          <c:showCatName val="0"/>
          <c:showSerName val="0"/>
          <c:showPercent val="0"/>
          <c:showBubbleSize val="0"/>
        </c:dLbls>
        <c:smooth val="0"/>
        <c:axId val="1166863759"/>
        <c:axId val="1166877487"/>
      </c:lineChart>
      <c:dateAx>
        <c:axId val="1166863759"/>
        <c:scaling>
          <c:orientation val="minMax"/>
          <c:max val="46507"/>
        </c:scaling>
        <c:delete val="0"/>
        <c:axPos val="b"/>
        <c:numFmt formatCode="[$-409]mmm\-yy;@" sourceLinked="0"/>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6877487"/>
        <c:crosses val="autoZero"/>
        <c:auto val="1"/>
        <c:lblOffset val="100"/>
        <c:baseTimeUnit val="days"/>
        <c:majorUnit val="12"/>
        <c:majorTimeUnit val="months"/>
      </c:dateAx>
      <c:valAx>
        <c:axId val="1166877487"/>
        <c:scaling>
          <c:orientation val="minMax"/>
          <c:max val="4.0000000000000008E-2"/>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6863759"/>
        <c:crosses val="autoZero"/>
        <c:crossBetween val="between"/>
      </c:valAx>
      <c:spPr>
        <a:noFill/>
        <a:ln>
          <a:noFill/>
        </a:ln>
        <a:effectLst/>
      </c:spPr>
    </c:plotArea>
    <c:legend>
      <c:legendPos val="b"/>
      <c:layout>
        <c:manualLayout>
          <c:xMode val="edge"/>
          <c:yMode val="edge"/>
          <c:x val="0.11526204509524028"/>
          <c:y val="0.91629405699287592"/>
          <c:w val="0.76947571794753722"/>
          <c:h val="8.3705943007124112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sz="1600">
                <a:solidFill>
                  <a:srgbClr val="004578"/>
                </a:solidFill>
              </a:rPr>
              <a:t>Payoff Profile</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9.7390074357466147E-2"/>
          <c:y val="0.10265187283600881"/>
          <c:w val="0.87383821607986389"/>
          <c:h val="0.85406830343090967"/>
        </c:manualLayout>
      </c:layout>
      <c:areaChart>
        <c:grouping val="standard"/>
        <c:varyColors val="0"/>
        <c:ser>
          <c:idx val="2"/>
          <c:order val="2"/>
          <c:tx>
            <c:strRef>
              <c:f>'Converted to IR Swap'!$F$2</c:f>
              <c:strCache>
                <c:ptCount val="1"/>
                <c:pt idx="0">
                  <c:v>G/L on Exposure</c:v>
                </c:pt>
              </c:strCache>
            </c:strRef>
          </c:tx>
          <c:spPr>
            <a:pattFill prst="ltDnDiag">
              <a:fgClr>
                <a:schemeClr val="accent5">
                  <a:lumMod val="40000"/>
                  <a:lumOff val="60000"/>
                </a:schemeClr>
              </a:fgClr>
              <a:bgClr>
                <a:schemeClr val="bg1"/>
              </a:bgClr>
            </a:pattFill>
            <a:ln>
              <a:noFill/>
            </a:ln>
            <a:effectLst/>
          </c:spPr>
          <c:cat>
            <c:numRef>
              <c:f>'Converted to IR Swap'!$B$3:$B$59</c:f>
              <c:numCache>
                <c:formatCode>m/d/yyyy</c:formatCode>
                <c:ptCount val="57"/>
                <c:pt idx="0">
                  <c:v>43556</c:v>
                </c:pt>
                <c:pt idx="1">
                  <c:v>43557</c:v>
                </c:pt>
                <c:pt idx="2">
                  <c:v>43558</c:v>
                </c:pt>
                <c:pt idx="3">
                  <c:v>43559</c:v>
                </c:pt>
                <c:pt idx="4">
                  <c:v>43560</c:v>
                </c:pt>
                <c:pt idx="5">
                  <c:v>43561</c:v>
                </c:pt>
                <c:pt idx="6">
                  <c:v>43562</c:v>
                </c:pt>
                <c:pt idx="7">
                  <c:v>43563</c:v>
                </c:pt>
                <c:pt idx="8">
                  <c:v>43564</c:v>
                </c:pt>
                <c:pt idx="9">
                  <c:v>43565</c:v>
                </c:pt>
                <c:pt idx="10">
                  <c:v>43566</c:v>
                </c:pt>
                <c:pt idx="11">
                  <c:v>43567</c:v>
                </c:pt>
                <c:pt idx="12">
                  <c:v>43568</c:v>
                </c:pt>
                <c:pt idx="13">
                  <c:v>43569</c:v>
                </c:pt>
                <c:pt idx="14">
                  <c:v>43570</c:v>
                </c:pt>
                <c:pt idx="15">
                  <c:v>43571</c:v>
                </c:pt>
                <c:pt idx="16">
                  <c:v>43572</c:v>
                </c:pt>
                <c:pt idx="17">
                  <c:v>43573</c:v>
                </c:pt>
                <c:pt idx="18">
                  <c:v>43574</c:v>
                </c:pt>
                <c:pt idx="19">
                  <c:v>43575</c:v>
                </c:pt>
                <c:pt idx="20">
                  <c:v>43576</c:v>
                </c:pt>
                <c:pt idx="21">
                  <c:v>43577</c:v>
                </c:pt>
                <c:pt idx="22">
                  <c:v>43578</c:v>
                </c:pt>
                <c:pt idx="23">
                  <c:v>43579</c:v>
                </c:pt>
                <c:pt idx="24">
                  <c:v>43580</c:v>
                </c:pt>
                <c:pt idx="25">
                  <c:v>43581</c:v>
                </c:pt>
                <c:pt idx="26">
                  <c:v>43582</c:v>
                </c:pt>
                <c:pt idx="27">
                  <c:v>43583</c:v>
                </c:pt>
                <c:pt idx="28">
                  <c:v>43584</c:v>
                </c:pt>
                <c:pt idx="29">
                  <c:v>43585</c:v>
                </c:pt>
                <c:pt idx="30">
                  <c:v>43586</c:v>
                </c:pt>
                <c:pt idx="31">
                  <c:v>43587</c:v>
                </c:pt>
                <c:pt idx="32">
                  <c:v>43588</c:v>
                </c:pt>
                <c:pt idx="33">
                  <c:v>43589</c:v>
                </c:pt>
                <c:pt idx="34">
                  <c:v>43590</c:v>
                </c:pt>
                <c:pt idx="35">
                  <c:v>43591</c:v>
                </c:pt>
                <c:pt idx="36">
                  <c:v>43592</c:v>
                </c:pt>
                <c:pt idx="37">
                  <c:v>43593</c:v>
                </c:pt>
                <c:pt idx="38">
                  <c:v>43594</c:v>
                </c:pt>
                <c:pt idx="39">
                  <c:v>43595</c:v>
                </c:pt>
                <c:pt idx="40">
                  <c:v>43596</c:v>
                </c:pt>
                <c:pt idx="41">
                  <c:v>43597</c:v>
                </c:pt>
                <c:pt idx="42">
                  <c:v>43598</c:v>
                </c:pt>
                <c:pt idx="43">
                  <c:v>43599</c:v>
                </c:pt>
                <c:pt idx="44">
                  <c:v>43600</c:v>
                </c:pt>
                <c:pt idx="45">
                  <c:v>43601</c:v>
                </c:pt>
                <c:pt idx="46">
                  <c:v>43602</c:v>
                </c:pt>
                <c:pt idx="47">
                  <c:v>43603</c:v>
                </c:pt>
                <c:pt idx="48">
                  <c:v>43604</c:v>
                </c:pt>
                <c:pt idx="49">
                  <c:v>43605</c:v>
                </c:pt>
                <c:pt idx="50">
                  <c:v>43606</c:v>
                </c:pt>
                <c:pt idx="51">
                  <c:v>43607</c:v>
                </c:pt>
                <c:pt idx="52">
                  <c:v>43608</c:v>
                </c:pt>
                <c:pt idx="53">
                  <c:v>43609</c:v>
                </c:pt>
                <c:pt idx="54">
                  <c:v>43610</c:v>
                </c:pt>
                <c:pt idx="55">
                  <c:v>43611</c:v>
                </c:pt>
                <c:pt idx="56">
                  <c:v>43612</c:v>
                </c:pt>
              </c:numCache>
            </c:numRef>
          </c:cat>
          <c:val>
            <c:numRef>
              <c:f>'Converted to IR Swap'!$F$3:$F$59</c:f>
              <c:numCache>
                <c:formatCode>0.00%</c:formatCode>
                <c:ptCount val="57"/>
                <c:pt idx="0">
                  <c:v>-2.1000000000000185E-5</c:v>
                </c:pt>
                <c:pt idx="1">
                  <c:v>-5.9999999999990616E-6</c:v>
                </c:pt>
                <c:pt idx="2">
                  <c:v>-7.4999999999998679E-5</c:v>
                </c:pt>
                <c:pt idx="3">
                  <c:v>-5.5999999999997024E-5</c:v>
                </c:pt>
                <c:pt idx="4">
                  <c:v>-3.4999999999996839E-5</c:v>
                </c:pt>
                <c:pt idx="5">
                  <c:v>-3.4999999999996839E-5</c:v>
                </c:pt>
                <c:pt idx="6">
                  <c:v>-3.4999999999996839E-5</c:v>
                </c:pt>
                <c:pt idx="7">
                  <c:v>-1.3299999999999423E-4</c:v>
                </c:pt>
                <c:pt idx="8">
                  <c:v>-1.2899999999999717E-4</c:v>
                </c:pt>
                <c:pt idx="9">
                  <c:v>-1.5099999999999836E-4</c:v>
                </c:pt>
                <c:pt idx="10">
                  <c:v>-1.1299999999999852E-4</c:v>
                </c:pt>
                <c:pt idx="11">
                  <c:v>-1.8699999999999967E-4</c:v>
                </c:pt>
                <c:pt idx="12">
                  <c:v>-1.8699999999999967E-4</c:v>
                </c:pt>
                <c:pt idx="13">
                  <c:v>-1.8699999999999967E-4</c:v>
                </c:pt>
                <c:pt idx="14">
                  <c:v>-2.0499999999999685E-4</c:v>
                </c:pt>
                <c:pt idx="15">
                  <c:v>-1.6799999999999801E-4</c:v>
                </c:pt>
                <c:pt idx="16">
                  <c:v>-1.9899999999999779E-4</c:v>
                </c:pt>
                <c:pt idx="17">
                  <c:v>-5.9999999999997555E-5</c:v>
                </c:pt>
                <c:pt idx="18">
                  <c:v>-8.5999999999999271E-5</c:v>
                </c:pt>
                <c:pt idx="19">
                  <c:v>-8.5999999999999271E-5</c:v>
                </c:pt>
                <c:pt idx="20">
                  <c:v>-8.5999999999999271E-5</c:v>
                </c:pt>
                <c:pt idx="21">
                  <c:v>-1.1799999999999311E-4</c:v>
                </c:pt>
                <c:pt idx="22">
                  <c:v>-4.7999999999999432E-5</c:v>
                </c:pt>
                <c:pt idx="23">
                  <c:v>8.2000000000005679E-5</c:v>
                </c:pt>
                <c:pt idx="24">
                  <c:v>1.3500000000000317E-4</c:v>
                </c:pt>
                <c:pt idx="25">
                  <c:v>1.050000000000044E-4</c:v>
                </c:pt>
                <c:pt idx="26">
                  <c:v>1.050000000000044E-4</c:v>
                </c:pt>
                <c:pt idx="27">
                  <c:v>1.050000000000044E-4</c:v>
                </c:pt>
                <c:pt idx="28">
                  <c:v>3.2000000000000778E-5</c:v>
                </c:pt>
                <c:pt idx="29">
                  <c:v>-3.2999999999998308E-5</c:v>
                </c:pt>
                <c:pt idx="30">
                  <c:v>1.4000000000003593E-5</c:v>
                </c:pt>
                <c:pt idx="31">
                  <c:v>5.3000000000000963E-5</c:v>
                </c:pt>
                <c:pt idx="32">
                  <c:v>2.0000000000054696E-6</c:v>
                </c:pt>
                <c:pt idx="33">
                  <c:v>2.0000000000054696E-6</c:v>
                </c:pt>
                <c:pt idx="34">
                  <c:v>2.0000000000054696E-6</c:v>
                </c:pt>
                <c:pt idx="35">
                  <c:v>-1.9999999999985307E-6</c:v>
                </c:pt>
                <c:pt idx="36">
                  <c:v>1.8000000000004124E-5</c:v>
                </c:pt>
                <c:pt idx="37">
                  <c:v>1.6000000000002124E-5</c:v>
                </c:pt>
                <c:pt idx="38">
                  <c:v>-4.0999999999995901E-5</c:v>
                </c:pt>
                <c:pt idx="39">
                  <c:v>-6.4999999999999086E-5</c:v>
                </c:pt>
                <c:pt idx="40">
                  <c:v>-6.4999999999999086E-5</c:v>
                </c:pt>
                <c:pt idx="41">
                  <c:v>-6.4999999999999086E-5</c:v>
                </c:pt>
                <c:pt idx="42">
                  <c:v>-6.2999999999997086E-5</c:v>
                </c:pt>
                <c:pt idx="43">
                  <c:v>-1.8999999999994716E-5</c:v>
                </c:pt>
                <c:pt idx="44">
                  <c:v>-2.9999999999960614E-6</c:v>
                </c:pt>
                <c:pt idx="45">
                  <c:v>4.9000000000003902E-5</c:v>
                </c:pt>
                <c:pt idx="46">
                  <c:v>7.9000000000002679E-5</c:v>
                </c:pt>
                <c:pt idx="47">
                  <c:v>7.9000000000002679E-5</c:v>
                </c:pt>
                <c:pt idx="48">
                  <c:v>7.9000000000002679E-5</c:v>
                </c:pt>
                <c:pt idx="49">
                  <c:v>6.5000000000006025E-5</c:v>
                </c:pt>
                <c:pt idx="50">
                  <c:v>7.7000000000004148E-5</c:v>
                </c:pt>
                <c:pt idx="51">
                  <c:v>9.1000000000000802E-5</c:v>
                </c:pt>
                <c:pt idx="52">
                  <c:v>3.9000000000004309E-5</c:v>
                </c:pt>
                <c:pt idx="53">
                  <c:v>-1.3999999999996654E-5</c:v>
                </c:pt>
                <c:pt idx="54">
                  <c:v>-1.3999999999996654E-5</c:v>
                </c:pt>
                <c:pt idx="55">
                  <c:v>-1.3999999999996654E-5</c:v>
                </c:pt>
                <c:pt idx="56">
                  <c:v>9.0000000000020619E-6</c:v>
                </c:pt>
              </c:numCache>
            </c:numRef>
          </c:val>
          <c:extLst>
            <c:ext xmlns:c16="http://schemas.microsoft.com/office/drawing/2014/chart" uri="{C3380CC4-5D6E-409C-BE32-E72D297353CC}">
              <c16:uniqueId val="{00000000-F49C-4F20-938F-D097D27BEAD4}"/>
            </c:ext>
          </c:extLst>
        </c:ser>
        <c:ser>
          <c:idx val="3"/>
          <c:order val="3"/>
          <c:tx>
            <c:strRef>
              <c:f>'Converted to IR Swap'!$G$2</c:f>
              <c:strCache>
                <c:ptCount val="1"/>
                <c:pt idx="0">
                  <c:v>G/L on Hedge</c:v>
                </c:pt>
              </c:strCache>
            </c:strRef>
          </c:tx>
          <c:spPr>
            <a:solidFill>
              <a:srgbClr val="73787C">
                <a:lumMod val="20000"/>
                <a:lumOff val="80000"/>
              </a:srgbClr>
            </a:solidFill>
            <a:ln>
              <a:noFill/>
            </a:ln>
            <a:effectLst/>
          </c:spPr>
          <c:cat>
            <c:numRef>
              <c:f>'Converted to IR Swap'!$B$3:$B$59</c:f>
              <c:numCache>
                <c:formatCode>m/d/yyyy</c:formatCode>
                <c:ptCount val="57"/>
                <c:pt idx="0">
                  <c:v>43556</c:v>
                </c:pt>
                <c:pt idx="1">
                  <c:v>43557</c:v>
                </c:pt>
                <c:pt idx="2">
                  <c:v>43558</c:v>
                </c:pt>
                <c:pt idx="3">
                  <c:v>43559</c:v>
                </c:pt>
                <c:pt idx="4">
                  <c:v>43560</c:v>
                </c:pt>
                <c:pt idx="5">
                  <c:v>43561</c:v>
                </c:pt>
                <c:pt idx="6">
                  <c:v>43562</c:v>
                </c:pt>
                <c:pt idx="7">
                  <c:v>43563</c:v>
                </c:pt>
                <c:pt idx="8">
                  <c:v>43564</c:v>
                </c:pt>
                <c:pt idx="9">
                  <c:v>43565</c:v>
                </c:pt>
                <c:pt idx="10">
                  <c:v>43566</c:v>
                </c:pt>
                <c:pt idx="11">
                  <c:v>43567</c:v>
                </c:pt>
                <c:pt idx="12">
                  <c:v>43568</c:v>
                </c:pt>
                <c:pt idx="13">
                  <c:v>43569</c:v>
                </c:pt>
                <c:pt idx="14">
                  <c:v>43570</c:v>
                </c:pt>
                <c:pt idx="15">
                  <c:v>43571</c:v>
                </c:pt>
                <c:pt idx="16">
                  <c:v>43572</c:v>
                </c:pt>
                <c:pt idx="17">
                  <c:v>43573</c:v>
                </c:pt>
                <c:pt idx="18">
                  <c:v>43574</c:v>
                </c:pt>
                <c:pt idx="19">
                  <c:v>43575</c:v>
                </c:pt>
                <c:pt idx="20">
                  <c:v>43576</c:v>
                </c:pt>
                <c:pt idx="21">
                  <c:v>43577</c:v>
                </c:pt>
                <c:pt idx="22">
                  <c:v>43578</c:v>
                </c:pt>
                <c:pt idx="23">
                  <c:v>43579</c:v>
                </c:pt>
                <c:pt idx="24">
                  <c:v>43580</c:v>
                </c:pt>
                <c:pt idx="25">
                  <c:v>43581</c:v>
                </c:pt>
                <c:pt idx="26">
                  <c:v>43582</c:v>
                </c:pt>
                <c:pt idx="27">
                  <c:v>43583</c:v>
                </c:pt>
                <c:pt idx="28">
                  <c:v>43584</c:v>
                </c:pt>
                <c:pt idx="29">
                  <c:v>43585</c:v>
                </c:pt>
                <c:pt idx="30">
                  <c:v>43586</c:v>
                </c:pt>
                <c:pt idx="31">
                  <c:v>43587</c:v>
                </c:pt>
                <c:pt idx="32">
                  <c:v>43588</c:v>
                </c:pt>
                <c:pt idx="33">
                  <c:v>43589</c:v>
                </c:pt>
                <c:pt idx="34">
                  <c:v>43590</c:v>
                </c:pt>
                <c:pt idx="35">
                  <c:v>43591</c:v>
                </c:pt>
                <c:pt idx="36">
                  <c:v>43592</c:v>
                </c:pt>
                <c:pt idx="37">
                  <c:v>43593</c:v>
                </c:pt>
                <c:pt idx="38">
                  <c:v>43594</c:v>
                </c:pt>
                <c:pt idx="39">
                  <c:v>43595</c:v>
                </c:pt>
                <c:pt idx="40">
                  <c:v>43596</c:v>
                </c:pt>
                <c:pt idx="41">
                  <c:v>43597</c:v>
                </c:pt>
                <c:pt idx="42">
                  <c:v>43598</c:v>
                </c:pt>
                <c:pt idx="43">
                  <c:v>43599</c:v>
                </c:pt>
                <c:pt idx="44">
                  <c:v>43600</c:v>
                </c:pt>
                <c:pt idx="45">
                  <c:v>43601</c:v>
                </c:pt>
                <c:pt idx="46">
                  <c:v>43602</c:v>
                </c:pt>
                <c:pt idx="47">
                  <c:v>43603</c:v>
                </c:pt>
                <c:pt idx="48">
                  <c:v>43604</c:v>
                </c:pt>
                <c:pt idx="49">
                  <c:v>43605</c:v>
                </c:pt>
                <c:pt idx="50">
                  <c:v>43606</c:v>
                </c:pt>
                <c:pt idx="51">
                  <c:v>43607</c:v>
                </c:pt>
                <c:pt idx="52">
                  <c:v>43608</c:v>
                </c:pt>
                <c:pt idx="53">
                  <c:v>43609</c:v>
                </c:pt>
                <c:pt idx="54">
                  <c:v>43610</c:v>
                </c:pt>
                <c:pt idx="55">
                  <c:v>43611</c:v>
                </c:pt>
                <c:pt idx="56">
                  <c:v>43612</c:v>
                </c:pt>
              </c:numCache>
            </c:numRef>
          </c:cat>
          <c:val>
            <c:numRef>
              <c:f>'Converted to IR Swap'!$G$3:$G$59</c:f>
              <c:numCache>
                <c:formatCode>0.00%</c:formatCode>
                <c:ptCount val="57"/>
                <c:pt idx="0">
                  <c:v>2.1000000000000185E-5</c:v>
                </c:pt>
                <c:pt idx="1">
                  <c:v>5.9999999999990616E-6</c:v>
                </c:pt>
                <c:pt idx="2">
                  <c:v>7.4999999999998679E-5</c:v>
                </c:pt>
                <c:pt idx="3">
                  <c:v>5.5999999999997024E-5</c:v>
                </c:pt>
                <c:pt idx="4">
                  <c:v>3.4999999999996839E-5</c:v>
                </c:pt>
                <c:pt idx="5">
                  <c:v>3.4999999999996839E-5</c:v>
                </c:pt>
                <c:pt idx="6">
                  <c:v>3.4999999999996839E-5</c:v>
                </c:pt>
                <c:pt idx="7">
                  <c:v>1.3299999999999423E-4</c:v>
                </c:pt>
                <c:pt idx="8">
                  <c:v>1.2899999999999717E-4</c:v>
                </c:pt>
                <c:pt idx="9">
                  <c:v>1.5099999999999836E-4</c:v>
                </c:pt>
                <c:pt idx="10">
                  <c:v>1.1299999999999852E-4</c:v>
                </c:pt>
                <c:pt idx="11">
                  <c:v>1.8699999999999967E-4</c:v>
                </c:pt>
                <c:pt idx="12">
                  <c:v>1.8699999999999967E-4</c:v>
                </c:pt>
                <c:pt idx="13">
                  <c:v>1.8699999999999967E-4</c:v>
                </c:pt>
                <c:pt idx="14">
                  <c:v>2.0499999999999685E-4</c:v>
                </c:pt>
                <c:pt idx="15">
                  <c:v>1.6799999999999801E-4</c:v>
                </c:pt>
                <c:pt idx="16">
                  <c:v>1.9899999999999779E-4</c:v>
                </c:pt>
                <c:pt idx="17">
                  <c:v>5.9999999999997555E-5</c:v>
                </c:pt>
                <c:pt idx="18">
                  <c:v>8.5999999999999271E-5</c:v>
                </c:pt>
                <c:pt idx="19">
                  <c:v>8.5999999999999271E-5</c:v>
                </c:pt>
                <c:pt idx="20">
                  <c:v>8.5999999999999271E-5</c:v>
                </c:pt>
                <c:pt idx="21">
                  <c:v>1.1799999999999311E-4</c:v>
                </c:pt>
                <c:pt idx="22">
                  <c:v>4.7999999999999432E-5</c:v>
                </c:pt>
                <c:pt idx="23">
                  <c:v>-8.2000000000005679E-5</c:v>
                </c:pt>
                <c:pt idx="24">
                  <c:v>-1.3500000000000317E-4</c:v>
                </c:pt>
                <c:pt idx="25">
                  <c:v>-1.050000000000044E-4</c:v>
                </c:pt>
                <c:pt idx="26">
                  <c:v>-1.050000000000044E-4</c:v>
                </c:pt>
                <c:pt idx="27">
                  <c:v>-1.050000000000044E-4</c:v>
                </c:pt>
                <c:pt idx="28">
                  <c:v>-3.2000000000000778E-5</c:v>
                </c:pt>
                <c:pt idx="29">
                  <c:v>3.2999999999998308E-5</c:v>
                </c:pt>
                <c:pt idx="30">
                  <c:v>-1.4000000000003593E-5</c:v>
                </c:pt>
                <c:pt idx="31">
                  <c:v>-5.3000000000000963E-5</c:v>
                </c:pt>
                <c:pt idx="32">
                  <c:v>-2.0000000000054696E-6</c:v>
                </c:pt>
                <c:pt idx="33">
                  <c:v>-2.0000000000054696E-6</c:v>
                </c:pt>
                <c:pt idx="34">
                  <c:v>-2.0000000000054696E-6</c:v>
                </c:pt>
                <c:pt idx="35">
                  <c:v>1.9999999999985307E-6</c:v>
                </c:pt>
                <c:pt idx="36">
                  <c:v>-1.8000000000004124E-5</c:v>
                </c:pt>
                <c:pt idx="37">
                  <c:v>-1.6000000000002124E-5</c:v>
                </c:pt>
                <c:pt idx="38">
                  <c:v>4.0999999999995901E-5</c:v>
                </c:pt>
                <c:pt idx="39">
                  <c:v>6.4999999999999086E-5</c:v>
                </c:pt>
                <c:pt idx="40">
                  <c:v>6.4999999999999086E-5</c:v>
                </c:pt>
                <c:pt idx="41">
                  <c:v>6.4999999999999086E-5</c:v>
                </c:pt>
                <c:pt idx="42">
                  <c:v>6.2999999999997086E-5</c:v>
                </c:pt>
                <c:pt idx="43">
                  <c:v>1.8999999999994716E-5</c:v>
                </c:pt>
                <c:pt idx="44">
                  <c:v>2.9999999999960614E-6</c:v>
                </c:pt>
                <c:pt idx="45">
                  <c:v>-4.9000000000003902E-5</c:v>
                </c:pt>
                <c:pt idx="46">
                  <c:v>-7.9000000000002679E-5</c:v>
                </c:pt>
                <c:pt idx="47">
                  <c:v>-7.9000000000002679E-5</c:v>
                </c:pt>
                <c:pt idx="48">
                  <c:v>-7.9000000000002679E-5</c:v>
                </c:pt>
                <c:pt idx="49">
                  <c:v>-6.5000000000006025E-5</c:v>
                </c:pt>
                <c:pt idx="50">
                  <c:v>-7.7000000000004148E-5</c:v>
                </c:pt>
                <c:pt idx="51">
                  <c:v>-9.1000000000000802E-5</c:v>
                </c:pt>
                <c:pt idx="52">
                  <c:v>-3.9000000000004309E-5</c:v>
                </c:pt>
                <c:pt idx="53">
                  <c:v>1.3999999999996654E-5</c:v>
                </c:pt>
                <c:pt idx="54">
                  <c:v>1.3999999999996654E-5</c:v>
                </c:pt>
                <c:pt idx="55">
                  <c:v>1.3999999999996654E-5</c:v>
                </c:pt>
                <c:pt idx="56">
                  <c:v>-9.0000000000020619E-6</c:v>
                </c:pt>
              </c:numCache>
            </c:numRef>
          </c:val>
          <c:extLst>
            <c:ext xmlns:c16="http://schemas.microsoft.com/office/drawing/2014/chart" uri="{C3380CC4-5D6E-409C-BE32-E72D297353CC}">
              <c16:uniqueId val="{00000001-F49C-4F20-938F-D097D27BEAD4}"/>
            </c:ext>
          </c:extLst>
        </c:ser>
        <c:dLbls>
          <c:showLegendKey val="0"/>
          <c:showVal val="0"/>
          <c:showCatName val="0"/>
          <c:showSerName val="0"/>
          <c:showPercent val="0"/>
          <c:showBubbleSize val="0"/>
        </c:dLbls>
        <c:axId val="372778680"/>
        <c:axId val="372778288"/>
      </c:areaChart>
      <c:lineChart>
        <c:grouping val="standard"/>
        <c:varyColors val="0"/>
        <c:ser>
          <c:idx val="0"/>
          <c:order val="0"/>
          <c:tx>
            <c:strRef>
              <c:f>'Converted to IR Swap'!$C$2</c:f>
              <c:strCache>
                <c:ptCount val="1"/>
                <c:pt idx="0">
                  <c:v>3m LIBOR</c:v>
                </c:pt>
              </c:strCache>
            </c:strRef>
          </c:tx>
          <c:spPr>
            <a:ln w="57150" cap="rnd">
              <a:solidFill>
                <a:schemeClr val="accent5">
                  <a:lumMod val="75000"/>
                </a:schemeClr>
              </a:solidFill>
              <a:prstDash val="sysDot"/>
              <a:round/>
            </a:ln>
            <a:effectLst/>
          </c:spPr>
          <c:marker>
            <c:symbol val="none"/>
          </c:marker>
          <c:cat>
            <c:numRef>
              <c:f>'Converted to IR Swap'!$B$3:$B$59</c:f>
              <c:numCache>
                <c:formatCode>m/d/yyyy</c:formatCode>
                <c:ptCount val="57"/>
                <c:pt idx="0">
                  <c:v>43556</c:v>
                </c:pt>
                <c:pt idx="1">
                  <c:v>43557</c:v>
                </c:pt>
                <c:pt idx="2">
                  <c:v>43558</c:v>
                </c:pt>
                <c:pt idx="3">
                  <c:v>43559</c:v>
                </c:pt>
                <c:pt idx="4">
                  <c:v>43560</c:v>
                </c:pt>
                <c:pt idx="5">
                  <c:v>43561</c:v>
                </c:pt>
                <c:pt idx="6">
                  <c:v>43562</c:v>
                </c:pt>
                <c:pt idx="7">
                  <c:v>43563</c:v>
                </c:pt>
                <c:pt idx="8">
                  <c:v>43564</c:v>
                </c:pt>
                <c:pt idx="9">
                  <c:v>43565</c:v>
                </c:pt>
                <c:pt idx="10">
                  <c:v>43566</c:v>
                </c:pt>
                <c:pt idx="11">
                  <c:v>43567</c:v>
                </c:pt>
                <c:pt idx="12">
                  <c:v>43568</c:v>
                </c:pt>
                <c:pt idx="13">
                  <c:v>43569</c:v>
                </c:pt>
                <c:pt idx="14">
                  <c:v>43570</c:v>
                </c:pt>
                <c:pt idx="15">
                  <c:v>43571</c:v>
                </c:pt>
                <c:pt idx="16">
                  <c:v>43572</c:v>
                </c:pt>
                <c:pt idx="17">
                  <c:v>43573</c:v>
                </c:pt>
                <c:pt idx="18">
                  <c:v>43574</c:v>
                </c:pt>
                <c:pt idx="19">
                  <c:v>43575</c:v>
                </c:pt>
                <c:pt idx="20">
                  <c:v>43576</c:v>
                </c:pt>
                <c:pt idx="21">
                  <c:v>43577</c:v>
                </c:pt>
                <c:pt idx="22">
                  <c:v>43578</c:v>
                </c:pt>
                <c:pt idx="23">
                  <c:v>43579</c:v>
                </c:pt>
                <c:pt idx="24">
                  <c:v>43580</c:v>
                </c:pt>
                <c:pt idx="25">
                  <c:v>43581</c:v>
                </c:pt>
                <c:pt idx="26">
                  <c:v>43582</c:v>
                </c:pt>
                <c:pt idx="27">
                  <c:v>43583</c:v>
                </c:pt>
                <c:pt idx="28">
                  <c:v>43584</c:v>
                </c:pt>
                <c:pt idx="29">
                  <c:v>43585</c:v>
                </c:pt>
                <c:pt idx="30">
                  <c:v>43586</c:v>
                </c:pt>
                <c:pt idx="31">
                  <c:v>43587</c:v>
                </c:pt>
                <c:pt idx="32">
                  <c:v>43588</c:v>
                </c:pt>
                <c:pt idx="33">
                  <c:v>43589</c:v>
                </c:pt>
                <c:pt idx="34">
                  <c:v>43590</c:v>
                </c:pt>
                <c:pt idx="35">
                  <c:v>43591</c:v>
                </c:pt>
                <c:pt idx="36">
                  <c:v>43592</c:v>
                </c:pt>
                <c:pt idx="37">
                  <c:v>43593</c:v>
                </c:pt>
                <c:pt idx="38">
                  <c:v>43594</c:v>
                </c:pt>
                <c:pt idx="39">
                  <c:v>43595</c:v>
                </c:pt>
                <c:pt idx="40">
                  <c:v>43596</c:v>
                </c:pt>
                <c:pt idx="41">
                  <c:v>43597</c:v>
                </c:pt>
                <c:pt idx="42">
                  <c:v>43598</c:v>
                </c:pt>
                <c:pt idx="43">
                  <c:v>43599</c:v>
                </c:pt>
                <c:pt idx="44">
                  <c:v>43600</c:v>
                </c:pt>
                <c:pt idx="45">
                  <c:v>43601</c:v>
                </c:pt>
                <c:pt idx="46">
                  <c:v>43602</c:v>
                </c:pt>
                <c:pt idx="47">
                  <c:v>43603</c:v>
                </c:pt>
                <c:pt idx="48">
                  <c:v>43604</c:v>
                </c:pt>
                <c:pt idx="49">
                  <c:v>43605</c:v>
                </c:pt>
                <c:pt idx="50">
                  <c:v>43606</c:v>
                </c:pt>
                <c:pt idx="51">
                  <c:v>43607</c:v>
                </c:pt>
                <c:pt idx="52">
                  <c:v>43608</c:v>
                </c:pt>
                <c:pt idx="53">
                  <c:v>43609</c:v>
                </c:pt>
                <c:pt idx="54">
                  <c:v>43610</c:v>
                </c:pt>
                <c:pt idx="55">
                  <c:v>43611</c:v>
                </c:pt>
                <c:pt idx="56">
                  <c:v>43612</c:v>
                </c:pt>
              </c:numCache>
            </c:numRef>
          </c:cat>
          <c:val>
            <c:numRef>
              <c:f>'Converted to IR Swap'!$C$3:$C$59</c:f>
              <c:numCache>
                <c:formatCode>0.0000</c:formatCode>
                <c:ptCount val="57"/>
                <c:pt idx="0">
                  <c:v>2.2421000000000003E-2</c:v>
                </c:pt>
                <c:pt idx="1">
                  <c:v>2.2406000000000002E-2</c:v>
                </c:pt>
                <c:pt idx="2">
                  <c:v>2.2475000000000002E-2</c:v>
                </c:pt>
                <c:pt idx="3">
                  <c:v>2.2456E-2</c:v>
                </c:pt>
                <c:pt idx="4">
                  <c:v>2.2435E-2</c:v>
                </c:pt>
                <c:pt idx="5">
                  <c:v>2.2435E-2</c:v>
                </c:pt>
                <c:pt idx="6">
                  <c:v>2.2435E-2</c:v>
                </c:pt>
                <c:pt idx="7">
                  <c:v>2.2532999999999997E-2</c:v>
                </c:pt>
                <c:pt idx="8">
                  <c:v>2.2529E-2</c:v>
                </c:pt>
                <c:pt idx="9">
                  <c:v>2.2551000000000002E-2</c:v>
                </c:pt>
                <c:pt idx="10">
                  <c:v>2.2513000000000002E-2</c:v>
                </c:pt>
                <c:pt idx="11">
                  <c:v>2.2587000000000003E-2</c:v>
                </c:pt>
                <c:pt idx="12">
                  <c:v>2.2587000000000003E-2</c:v>
                </c:pt>
                <c:pt idx="13">
                  <c:v>2.2587000000000003E-2</c:v>
                </c:pt>
                <c:pt idx="14">
                  <c:v>2.2605E-2</c:v>
                </c:pt>
                <c:pt idx="15">
                  <c:v>2.2568000000000001E-2</c:v>
                </c:pt>
                <c:pt idx="16">
                  <c:v>2.2599000000000001E-2</c:v>
                </c:pt>
                <c:pt idx="17">
                  <c:v>2.2460000000000001E-2</c:v>
                </c:pt>
                <c:pt idx="18">
                  <c:v>2.2486000000000003E-2</c:v>
                </c:pt>
                <c:pt idx="19">
                  <c:v>2.2486000000000003E-2</c:v>
                </c:pt>
                <c:pt idx="20">
                  <c:v>2.2486000000000003E-2</c:v>
                </c:pt>
                <c:pt idx="21">
                  <c:v>2.2517999999999996E-2</c:v>
                </c:pt>
                <c:pt idx="22">
                  <c:v>2.2448000000000003E-2</c:v>
                </c:pt>
                <c:pt idx="23">
                  <c:v>2.2317999999999998E-2</c:v>
                </c:pt>
                <c:pt idx="24">
                  <c:v>2.2265E-2</c:v>
                </c:pt>
                <c:pt idx="25">
                  <c:v>2.2294999999999999E-2</c:v>
                </c:pt>
                <c:pt idx="26">
                  <c:v>2.2294999999999999E-2</c:v>
                </c:pt>
                <c:pt idx="27">
                  <c:v>2.2294999999999999E-2</c:v>
                </c:pt>
                <c:pt idx="28">
                  <c:v>2.2368000000000002E-2</c:v>
                </c:pt>
                <c:pt idx="29">
                  <c:v>2.2433000000000002E-2</c:v>
                </c:pt>
                <c:pt idx="30">
                  <c:v>2.2386E-2</c:v>
                </c:pt>
                <c:pt idx="31">
                  <c:v>2.2347000000000002E-2</c:v>
                </c:pt>
                <c:pt idx="32">
                  <c:v>2.2397999999999998E-2</c:v>
                </c:pt>
                <c:pt idx="33">
                  <c:v>2.2397999999999998E-2</c:v>
                </c:pt>
                <c:pt idx="34">
                  <c:v>2.2397999999999998E-2</c:v>
                </c:pt>
                <c:pt idx="35">
                  <c:v>2.2402000000000002E-2</c:v>
                </c:pt>
                <c:pt idx="36">
                  <c:v>2.2381999999999999E-2</c:v>
                </c:pt>
                <c:pt idx="37">
                  <c:v>2.2384000000000001E-2</c:v>
                </c:pt>
                <c:pt idx="38">
                  <c:v>2.2440999999999999E-2</c:v>
                </c:pt>
                <c:pt idx="39">
                  <c:v>2.2465000000000002E-2</c:v>
                </c:pt>
                <c:pt idx="40">
                  <c:v>2.2465000000000002E-2</c:v>
                </c:pt>
                <c:pt idx="41">
                  <c:v>2.2465000000000002E-2</c:v>
                </c:pt>
                <c:pt idx="42">
                  <c:v>2.2463E-2</c:v>
                </c:pt>
                <c:pt idx="43">
                  <c:v>2.2418999999999998E-2</c:v>
                </c:pt>
                <c:pt idx="44">
                  <c:v>2.2402999999999999E-2</c:v>
                </c:pt>
                <c:pt idx="45">
                  <c:v>2.2350999999999999E-2</c:v>
                </c:pt>
                <c:pt idx="46">
                  <c:v>2.2321000000000001E-2</c:v>
                </c:pt>
                <c:pt idx="47">
                  <c:v>2.2321000000000001E-2</c:v>
                </c:pt>
                <c:pt idx="48">
                  <c:v>2.2321000000000001E-2</c:v>
                </c:pt>
                <c:pt idx="49">
                  <c:v>2.2334999999999997E-2</c:v>
                </c:pt>
                <c:pt idx="50">
                  <c:v>2.2322999999999999E-2</c:v>
                </c:pt>
                <c:pt idx="51">
                  <c:v>2.2309000000000002E-2</c:v>
                </c:pt>
                <c:pt idx="52">
                  <c:v>2.2360999999999999E-2</c:v>
                </c:pt>
                <c:pt idx="53">
                  <c:v>2.2414E-2</c:v>
                </c:pt>
                <c:pt idx="54">
                  <c:v>2.2414E-2</c:v>
                </c:pt>
                <c:pt idx="55">
                  <c:v>2.2414E-2</c:v>
                </c:pt>
                <c:pt idx="56">
                  <c:v>2.2391000000000001E-2</c:v>
                </c:pt>
              </c:numCache>
            </c:numRef>
          </c:val>
          <c:smooth val="0"/>
          <c:extLst>
            <c:ext xmlns:c16="http://schemas.microsoft.com/office/drawing/2014/chart" uri="{C3380CC4-5D6E-409C-BE32-E72D297353CC}">
              <c16:uniqueId val="{00000002-F49C-4F20-938F-D097D27BEAD4}"/>
            </c:ext>
          </c:extLst>
        </c:ser>
        <c:ser>
          <c:idx val="1"/>
          <c:order val="1"/>
          <c:tx>
            <c:strRef>
              <c:f>'Converted to IR Swap'!$E$2</c:f>
              <c:strCache>
                <c:ptCount val="1"/>
                <c:pt idx="0">
                  <c:v>Realized Rate</c:v>
                </c:pt>
              </c:strCache>
            </c:strRef>
          </c:tx>
          <c:spPr>
            <a:ln w="28575" cap="rnd">
              <a:solidFill>
                <a:srgbClr val="8D0E57"/>
              </a:solidFill>
              <a:round/>
            </a:ln>
            <a:effectLst/>
          </c:spPr>
          <c:marker>
            <c:symbol val="none"/>
          </c:marker>
          <c:cat>
            <c:numRef>
              <c:f>'Converted to IR Swap'!$B$3:$B$59</c:f>
              <c:numCache>
                <c:formatCode>m/d/yyyy</c:formatCode>
                <c:ptCount val="57"/>
                <c:pt idx="0">
                  <c:v>43556</c:v>
                </c:pt>
                <c:pt idx="1">
                  <c:v>43557</c:v>
                </c:pt>
                <c:pt idx="2">
                  <c:v>43558</c:v>
                </c:pt>
                <c:pt idx="3">
                  <c:v>43559</c:v>
                </c:pt>
                <c:pt idx="4">
                  <c:v>43560</c:v>
                </c:pt>
                <c:pt idx="5">
                  <c:v>43561</c:v>
                </c:pt>
                <c:pt idx="6">
                  <c:v>43562</c:v>
                </c:pt>
                <c:pt idx="7">
                  <c:v>43563</c:v>
                </c:pt>
                <c:pt idx="8">
                  <c:v>43564</c:v>
                </c:pt>
                <c:pt idx="9">
                  <c:v>43565</c:v>
                </c:pt>
                <c:pt idx="10">
                  <c:v>43566</c:v>
                </c:pt>
                <c:pt idx="11">
                  <c:v>43567</c:v>
                </c:pt>
                <c:pt idx="12">
                  <c:v>43568</c:v>
                </c:pt>
                <c:pt idx="13">
                  <c:v>43569</c:v>
                </c:pt>
                <c:pt idx="14">
                  <c:v>43570</c:v>
                </c:pt>
                <c:pt idx="15">
                  <c:v>43571</c:v>
                </c:pt>
                <c:pt idx="16">
                  <c:v>43572</c:v>
                </c:pt>
                <c:pt idx="17">
                  <c:v>43573</c:v>
                </c:pt>
                <c:pt idx="18">
                  <c:v>43574</c:v>
                </c:pt>
                <c:pt idx="19">
                  <c:v>43575</c:v>
                </c:pt>
                <c:pt idx="20">
                  <c:v>43576</c:v>
                </c:pt>
                <c:pt idx="21">
                  <c:v>43577</c:v>
                </c:pt>
                <c:pt idx="22">
                  <c:v>43578</c:v>
                </c:pt>
                <c:pt idx="23">
                  <c:v>43579</c:v>
                </c:pt>
                <c:pt idx="24">
                  <c:v>43580</c:v>
                </c:pt>
                <c:pt idx="25">
                  <c:v>43581</c:v>
                </c:pt>
                <c:pt idx="26">
                  <c:v>43582</c:v>
                </c:pt>
                <c:pt idx="27">
                  <c:v>43583</c:v>
                </c:pt>
                <c:pt idx="28">
                  <c:v>43584</c:v>
                </c:pt>
                <c:pt idx="29">
                  <c:v>43585</c:v>
                </c:pt>
                <c:pt idx="30">
                  <c:v>43586</c:v>
                </c:pt>
                <c:pt idx="31">
                  <c:v>43587</c:v>
                </c:pt>
                <c:pt idx="32">
                  <c:v>43588</c:v>
                </c:pt>
                <c:pt idx="33">
                  <c:v>43589</c:v>
                </c:pt>
                <c:pt idx="34">
                  <c:v>43590</c:v>
                </c:pt>
                <c:pt idx="35">
                  <c:v>43591</c:v>
                </c:pt>
                <c:pt idx="36">
                  <c:v>43592</c:v>
                </c:pt>
                <c:pt idx="37">
                  <c:v>43593</c:v>
                </c:pt>
                <c:pt idx="38">
                  <c:v>43594</c:v>
                </c:pt>
                <c:pt idx="39">
                  <c:v>43595</c:v>
                </c:pt>
                <c:pt idx="40">
                  <c:v>43596</c:v>
                </c:pt>
                <c:pt idx="41">
                  <c:v>43597</c:v>
                </c:pt>
                <c:pt idx="42">
                  <c:v>43598</c:v>
                </c:pt>
                <c:pt idx="43">
                  <c:v>43599</c:v>
                </c:pt>
                <c:pt idx="44">
                  <c:v>43600</c:v>
                </c:pt>
                <c:pt idx="45">
                  <c:v>43601</c:v>
                </c:pt>
                <c:pt idx="46">
                  <c:v>43602</c:v>
                </c:pt>
                <c:pt idx="47">
                  <c:v>43603</c:v>
                </c:pt>
                <c:pt idx="48">
                  <c:v>43604</c:v>
                </c:pt>
                <c:pt idx="49">
                  <c:v>43605</c:v>
                </c:pt>
                <c:pt idx="50">
                  <c:v>43606</c:v>
                </c:pt>
                <c:pt idx="51">
                  <c:v>43607</c:v>
                </c:pt>
                <c:pt idx="52">
                  <c:v>43608</c:v>
                </c:pt>
                <c:pt idx="53">
                  <c:v>43609</c:v>
                </c:pt>
                <c:pt idx="54">
                  <c:v>43610</c:v>
                </c:pt>
                <c:pt idx="55">
                  <c:v>43611</c:v>
                </c:pt>
                <c:pt idx="56">
                  <c:v>43612</c:v>
                </c:pt>
              </c:numCache>
            </c:numRef>
          </c:cat>
          <c:val>
            <c:numRef>
              <c:f>'Converted to IR Swap'!$E$3:$E$59</c:f>
              <c:numCache>
                <c:formatCode>0.00%</c:formatCode>
                <c:ptCount val="57"/>
                <c:pt idx="0">
                  <c:v>2.2400000000000003E-2</c:v>
                </c:pt>
                <c:pt idx="1">
                  <c:v>2.2400000000000003E-2</c:v>
                </c:pt>
                <c:pt idx="2">
                  <c:v>2.2400000000000003E-2</c:v>
                </c:pt>
                <c:pt idx="3">
                  <c:v>2.2400000000000003E-2</c:v>
                </c:pt>
                <c:pt idx="4">
                  <c:v>2.2400000000000003E-2</c:v>
                </c:pt>
                <c:pt idx="5">
                  <c:v>2.2400000000000003E-2</c:v>
                </c:pt>
                <c:pt idx="6">
                  <c:v>2.2400000000000003E-2</c:v>
                </c:pt>
                <c:pt idx="7">
                  <c:v>2.2400000000000003E-2</c:v>
                </c:pt>
                <c:pt idx="8">
                  <c:v>2.2400000000000003E-2</c:v>
                </c:pt>
                <c:pt idx="9">
                  <c:v>2.2400000000000003E-2</c:v>
                </c:pt>
                <c:pt idx="10">
                  <c:v>2.2400000000000003E-2</c:v>
                </c:pt>
                <c:pt idx="11">
                  <c:v>2.2400000000000003E-2</c:v>
                </c:pt>
                <c:pt idx="12">
                  <c:v>2.2400000000000003E-2</c:v>
                </c:pt>
                <c:pt idx="13">
                  <c:v>2.2400000000000003E-2</c:v>
                </c:pt>
                <c:pt idx="14">
                  <c:v>2.2400000000000003E-2</c:v>
                </c:pt>
                <c:pt idx="15">
                  <c:v>2.2400000000000003E-2</c:v>
                </c:pt>
                <c:pt idx="16">
                  <c:v>2.2400000000000003E-2</c:v>
                </c:pt>
                <c:pt idx="17">
                  <c:v>2.2400000000000003E-2</c:v>
                </c:pt>
                <c:pt idx="18">
                  <c:v>2.2400000000000003E-2</c:v>
                </c:pt>
                <c:pt idx="19">
                  <c:v>2.2400000000000003E-2</c:v>
                </c:pt>
                <c:pt idx="20">
                  <c:v>2.2400000000000003E-2</c:v>
                </c:pt>
                <c:pt idx="21">
                  <c:v>2.2400000000000003E-2</c:v>
                </c:pt>
                <c:pt idx="22">
                  <c:v>2.2400000000000003E-2</c:v>
                </c:pt>
                <c:pt idx="23">
                  <c:v>2.2400000000000003E-2</c:v>
                </c:pt>
                <c:pt idx="24">
                  <c:v>2.2400000000000003E-2</c:v>
                </c:pt>
                <c:pt idx="25">
                  <c:v>2.2400000000000003E-2</c:v>
                </c:pt>
                <c:pt idx="26">
                  <c:v>2.2400000000000003E-2</c:v>
                </c:pt>
                <c:pt idx="27">
                  <c:v>2.2400000000000003E-2</c:v>
                </c:pt>
                <c:pt idx="28">
                  <c:v>2.2400000000000003E-2</c:v>
                </c:pt>
                <c:pt idx="29">
                  <c:v>2.2400000000000003E-2</c:v>
                </c:pt>
                <c:pt idx="30">
                  <c:v>2.2400000000000003E-2</c:v>
                </c:pt>
                <c:pt idx="31">
                  <c:v>2.2400000000000003E-2</c:v>
                </c:pt>
                <c:pt idx="32">
                  <c:v>2.2400000000000003E-2</c:v>
                </c:pt>
                <c:pt idx="33">
                  <c:v>2.2400000000000003E-2</c:v>
                </c:pt>
                <c:pt idx="34">
                  <c:v>2.2400000000000003E-2</c:v>
                </c:pt>
                <c:pt idx="35">
                  <c:v>2.2400000000000003E-2</c:v>
                </c:pt>
                <c:pt idx="36">
                  <c:v>2.2400000000000003E-2</c:v>
                </c:pt>
                <c:pt idx="37">
                  <c:v>2.2400000000000003E-2</c:v>
                </c:pt>
                <c:pt idx="38">
                  <c:v>2.2400000000000003E-2</c:v>
                </c:pt>
                <c:pt idx="39">
                  <c:v>2.2400000000000003E-2</c:v>
                </c:pt>
                <c:pt idx="40">
                  <c:v>2.2400000000000003E-2</c:v>
                </c:pt>
                <c:pt idx="41">
                  <c:v>2.2400000000000003E-2</c:v>
                </c:pt>
                <c:pt idx="42">
                  <c:v>2.2400000000000003E-2</c:v>
                </c:pt>
                <c:pt idx="43">
                  <c:v>2.2400000000000003E-2</c:v>
                </c:pt>
                <c:pt idx="44">
                  <c:v>2.2400000000000003E-2</c:v>
                </c:pt>
                <c:pt idx="45">
                  <c:v>2.2400000000000003E-2</c:v>
                </c:pt>
                <c:pt idx="46">
                  <c:v>2.2400000000000003E-2</c:v>
                </c:pt>
                <c:pt idx="47">
                  <c:v>2.2400000000000003E-2</c:v>
                </c:pt>
                <c:pt idx="48">
                  <c:v>2.2400000000000003E-2</c:v>
                </c:pt>
                <c:pt idx="49">
                  <c:v>2.2400000000000003E-2</c:v>
                </c:pt>
                <c:pt idx="50">
                  <c:v>2.2400000000000003E-2</c:v>
                </c:pt>
                <c:pt idx="51">
                  <c:v>2.2400000000000003E-2</c:v>
                </c:pt>
                <c:pt idx="52">
                  <c:v>2.2400000000000003E-2</c:v>
                </c:pt>
                <c:pt idx="53">
                  <c:v>2.2400000000000003E-2</c:v>
                </c:pt>
                <c:pt idx="54">
                  <c:v>2.2400000000000003E-2</c:v>
                </c:pt>
                <c:pt idx="55">
                  <c:v>2.2400000000000003E-2</c:v>
                </c:pt>
                <c:pt idx="56">
                  <c:v>2.2400000000000003E-2</c:v>
                </c:pt>
              </c:numCache>
            </c:numRef>
          </c:val>
          <c:smooth val="0"/>
          <c:extLst>
            <c:ext xmlns:c16="http://schemas.microsoft.com/office/drawing/2014/chart" uri="{C3380CC4-5D6E-409C-BE32-E72D297353CC}">
              <c16:uniqueId val="{00000003-F49C-4F20-938F-D097D27BEAD4}"/>
            </c:ext>
          </c:extLst>
        </c:ser>
        <c:dLbls>
          <c:showLegendKey val="0"/>
          <c:showVal val="0"/>
          <c:showCatName val="0"/>
          <c:showSerName val="0"/>
          <c:showPercent val="0"/>
          <c:showBubbleSize val="0"/>
        </c:dLbls>
        <c:marker val="1"/>
        <c:smooth val="0"/>
        <c:axId val="372779072"/>
        <c:axId val="372777896"/>
      </c:lineChart>
      <c:dateAx>
        <c:axId val="372779072"/>
        <c:scaling>
          <c:orientation val="minMax"/>
        </c:scaling>
        <c:delete val="1"/>
        <c:axPos val="b"/>
        <c:numFmt formatCode="m/d/yyyy" sourceLinked="1"/>
        <c:majorTickMark val="none"/>
        <c:minorTickMark val="none"/>
        <c:tickLblPos val="none"/>
        <c:crossAx val="372777896"/>
        <c:crosses val="autoZero"/>
        <c:auto val="1"/>
        <c:lblOffset val="100"/>
        <c:baseTimeUnit val="days"/>
      </c:dateAx>
      <c:valAx>
        <c:axId val="372777896"/>
        <c:scaling>
          <c:orientation val="minMax"/>
        </c:scaling>
        <c:delete val="0"/>
        <c:axPos val="l"/>
        <c:numFmt formatCode="0.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72779072"/>
        <c:crosses val="autoZero"/>
        <c:crossBetween val="between"/>
      </c:valAx>
      <c:valAx>
        <c:axId val="372778288"/>
        <c:scaling>
          <c:orientation val="minMax"/>
          <c:max val="3.0000000000000008E-4"/>
          <c:min val="-4.0000000000000013E-4"/>
        </c:scaling>
        <c:delete val="0"/>
        <c:axPos val="r"/>
        <c:numFmt formatCode="0.00%" sourceLinked="1"/>
        <c:majorTickMark val="out"/>
        <c:minorTickMark val="none"/>
        <c:tickLblPos val="none"/>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72778680"/>
        <c:crosses val="max"/>
        <c:crossBetween val="between"/>
      </c:valAx>
      <c:dateAx>
        <c:axId val="372778680"/>
        <c:scaling>
          <c:orientation val="minMax"/>
        </c:scaling>
        <c:delete val="1"/>
        <c:axPos val="b"/>
        <c:numFmt formatCode="m/d/yyyy" sourceLinked="1"/>
        <c:majorTickMark val="out"/>
        <c:minorTickMark val="none"/>
        <c:tickLblPos val="nextTo"/>
        <c:crossAx val="372778288"/>
        <c:crosses val="autoZero"/>
        <c:auto val="1"/>
        <c:lblOffset val="100"/>
        <c:baseTimeUnit val="days"/>
      </c:dateAx>
      <c:spPr>
        <a:noFill/>
        <a:ln>
          <a:noFill/>
        </a:ln>
        <a:effectLst/>
      </c:spPr>
    </c:plotArea>
    <c:legend>
      <c:legendPos val="b"/>
      <c:layout>
        <c:manualLayout>
          <c:xMode val="edge"/>
          <c:yMode val="edge"/>
          <c:x val="9.1849718173175623E-2"/>
          <c:y val="0.90507984100981376"/>
          <c:w val="0.89999987642787593"/>
          <c:h val="6.7090302406296501E-2"/>
        </c:manualLayout>
      </c:layout>
      <c:overlay val="1"/>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solidFill>
        <a:srgbClr val="FFFFFF">
          <a:lumMod val="85000"/>
        </a:srgbClr>
      </a:solidFill>
    </a:ln>
    <a:effectLst/>
  </c:spPr>
  <c:txPr>
    <a:bodyPr/>
    <a:lstStyle/>
    <a:p>
      <a:pPr>
        <a:defRPr/>
      </a:pPr>
      <a:endParaRPr lang="en-US"/>
    </a:p>
  </c:txPr>
  <c:externalData r:id="rId4">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sz="1600">
                <a:solidFill>
                  <a:srgbClr val="004578"/>
                </a:solidFill>
              </a:rPr>
              <a:t>Payoff Profile</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9.7390074357466147E-2"/>
          <c:y val="8.6913755114888275E-2"/>
          <c:w val="0.87383821607986389"/>
          <c:h val="0.86980642115203022"/>
        </c:manualLayout>
      </c:layout>
      <c:lineChart>
        <c:grouping val="standard"/>
        <c:varyColors val="0"/>
        <c:ser>
          <c:idx val="0"/>
          <c:order val="0"/>
          <c:tx>
            <c:strRef>
              <c:f>'Converted to IR Cap'!$C$2</c:f>
              <c:strCache>
                <c:ptCount val="1"/>
                <c:pt idx="0">
                  <c:v>3m LIBOR</c:v>
                </c:pt>
              </c:strCache>
            </c:strRef>
          </c:tx>
          <c:spPr>
            <a:ln w="57150" cap="rnd">
              <a:solidFill>
                <a:schemeClr val="accent5">
                  <a:lumMod val="75000"/>
                </a:schemeClr>
              </a:solidFill>
              <a:prstDash val="sysDot"/>
              <a:round/>
            </a:ln>
            <a:effectLst/>
          </c:spPr>
          <c:marker>
            <c:symbol val="none"/>
          </c:marker>
          <c:cat>
            <c:numRef>
              <c:f>'Converted to IR Cap'!$B$3:$B$59</c:f>
              <c:numCache>
                <c:formatCode>m/d/yyyy</c:formatCode>
                <c:ptCount val="57"/>
                <c:pt idx="0">
                  <c:v>43556</c:v>
                </c:pt>
                <c:pt idx="1">
                  <c:v>43557</c:v>
                </c:pt>
                <c:pt idx="2">
                  <c:v>43558</c:v>
                </c:pt>
                <c:pt idx="3">
                  <c:v>43559</c:v>
                </c:pt>
                <c:pt idx="4">
                  <c:v>43560</c:v>
                </c:pt>
                <c:pt idx="5">
                  <c:v>43561</c:v>
                </c:pt>
                <c:pt idx="6">
                  <c:v>43562</c:v>
                </c:pt>
                <c:pt idx="7">
                  <c:v>43563</c:v>
                </c:pt>
                <c:pt idx="8">
                  <c:v>43564</c:v>
                </c:pt>
                <c:pt idx="9">
                  <c:v>43565</c:v>
                </c:pt>
                <c:pt idx="10">
                  <c:v>43566</c:v>
                </c:pt>
                <c:pt idx="11">
                  <c:v>43567</c:v>
                </c:pt>
                <c:pt idx="12">
                  <c:v>43568</c:v>
                </c:pt>
                <c:pt idx="13">
                  <c:v>43569</c:v>
                </c:pt>
                <c:pt idx="14">
                  <c:v>43570</c:v>
                </c:pt>
                <c:pt idx="15">
                  <c:v>43571</c:v>
                </c:pt>
                <c:pt idx="16">
                  <c:v>43572</c:v>
                </c:pt>
                <c:pt idx="17">
                  <c:v>43573</c:v>
                </c:pt>
                <c:pt idx="18">
                  <c:v>43574</c:v>
                </c:pt>
                <c:pt idx="19">
                  <c:v>43575</c:v>
                </c:pt>
                <c:pt idx="20">
                  <c:v>43576</c:v>
                </c:pt>
                <c:pt idx="21">
                  <c:v>43577</c:v>
                </c:pt>
                <c:pt idx="22">
                  <c:v>43578</c:v>
                </c:pt>
                <c:pt idx="23">
                  <c:v>43579</c:v>
                </c:pt>
                <c:pt idx="24">
                  <c:v>43580</c:v>
                </c:pt>
                <c:pt idx="25">
                  <c:v>43581</c:v>
                </c:pt>
                <c:pt idx="26">
                  <c:v>43582</c:v>
                </c:pt>
                <c:pt idx="27">
                  <c:v>43583</c:v>
                </c:pt>
                <c:pt idx="28">
                  <c:v>43584</c:v>
                </c:pt>
                <c:pt idx="29">
                  <c:v>43585</c:v>
                </c:pt>
                <c:pt idx="30">
                  <c:v>43586</c:v>
                </c:pt>
                <c:pt idx="31">
                  <c:v>43587</c:v>
                </c:pt>
                <c:pt idx="32">
                  <c:v>43588</c:v>
                </c:pt>
                <c:pt idx="33">
                  <c:v>43589</c:v>
                </c:pt>
                <c:pt idx="34">
                  <c:v>43590</c:v>
                </c:pt>
                <c:pt idx="35">
                  <c:v>43591</c:v>
                </c:pt>
                <c:pt idx="36">
                  <c:v>43592</c:v>
                </c:pt>
                <c:pt idx="37">
                  <c:v>43593</c:v>
                </c:pt>
                <c:pt idx="38">
                  <c:v>43594</c:v>
                </c:pt>
                <c:pt idx="39">
                  <c:v>43595</c:v>
                </c:pt>
                <c:pt idx="40">
                  <c:v>43596</c:v>
                </c:pt>
                <c:pt idx="41">
                  <c:v>43597</c:v>
                </c:pt>
                <c:pt idx="42">
                  <c:v>43598</c:v>
                </c:pt>
                <c:pt idx="43">
                  <c:v>43599</c:v>
                </c:pt>
                <c:pt idx="44">
                  <c:v>43600</c:v>
                </c:pt>
                <c:pt idx="45">
                  <c:v>43601</c:v>
                </c:pt>
                <c:pt idx="46">
                  <c:v>43602</c:v>
                </c:pt>
                <c:pt idx="47">
                  <c:v>43603</c:v>
                </c:pt>
                <c:pt idx="48">
                  <c:v>43604</c:v>
                </c:pt>
                <c:pt idx="49">
                  <c:v>43605</c:v>
                </c:pt>
                <c:pt idx="50">
                  <c:v>43606</c:v>
                </c:pt>
                <c:pt idx="51">
                  <c:v>43607</c:v>
                </c:pt>
                <c:pt idx="52">
                  <c:v>43608</c:v>
                </c:pt>
                <c:pt idx="53">
                  <c:v>43609</c:v>
                </c:pt>
                <c:pt idx="54">
                  <c:v>43610</c:v>
                </c:pt>
                <c:pt idx="55">
                  <c:v>43611</c:v>
                </c:pt>
                <c:pt idx="56">
                  <c:v>43612</c:v>
                </c:pt>
              </c:numCache>
            </c:numRef>
          </c:cat>
          <c:val>
            <c:numRef>
              <c:f>'Converted to IR Cap'!$C$3:$C$59</c:f>
              <c:numCache>
                <c:formatCode>0.0000</c:formatCode>
                <c:ptCount val="57"/>
                <c:pt idx="0">
                  <c:v>2.2421000000000003E-2</c:v>
                </c:pt>
                <c:pt idx="1">
                  <c:v>2.2406000000000002E-2</c:v>
                </c:pt>
                <c:pt idx="2">
                  <c:v>2.2475000000000002E-2</c:v>
                </c:pt>
                <c:pt idx="3">
                  <c:v>2.2456E-2</c:v>
                </c:pt>
                <c:pt idx="4">
                  <c:v>2.2435E-2</c:v>
                </c:pt>
                <c:pt idx="5">
                  <c:v>2.2435E-2</c:v>
                </c:pt>
                <c:pt idx="6">
                  <c:v>2.2435E-2</c:v>
                </c:pt>
                <c:pt idx="7">
                  <c:v>2.2532999999999997E-2</c:v>
                </c:pt>
                <c:pt idx="8">
                  <c:v>2.2529E-2</c:v>
                </c:pt>
                <c:pt idx="9">
                  <c:v>2.2551000000000002E-2</c:v>
                </c:pt>
                <c:pt idx="10">
                  <c:v>2.2513000000000002E-2</c:v>
                </c:pt>
                <c:pt idx="11">
                  <c:v>2.2587000000000003E-2</c:v>
                </c:pt>
                <c:pt idx="12">
                  <c:v>2.2587000000000003E-2</c:v>
                </c:pt>
                <c:pt idx="13">
                  <c:v>2.2587000000000003E-2</c:v>
                </c:pt>
                <c:pt idx="14">
                  <c:v>2.2605E-2</c:v>
                </c:pt>
                <c:pt idx="15">
                  <c:v>2.2568000000000001E-2</c:v>
                </c:pt>
                <c:pt idx="16">
                  <c:v>2.2599000000000001E-2</c:v>
                </c:pt>
                <c:pt idx="17">
                  <c:v>2.2460000000000001E-2</c:v>
                </c:pt>
                <c:pt idx="18">
                  <c:v>2.2486000000000003E-2</c:v>
                </c:pt>
                <c:pt idx="19">
                  <c:v>2.2486000000000003E-2</c:v>
                </c:pt>
                <c:pt idx="20">
                  <c:v>2.2486000000000003E-2</c:v>
                </c:pt>
                <c:pt idx="21">
                  <c:v>2.2517999999999996E-2</c:v>
                </c:pt>
                <c:pt idx="22">
                  <c:v>2.2448000000000003E-2</c:v>
                </c:pt>
                <c:pt idx="23">
                  <c:v>2.2317999999999998E-2</c:v>
                </c:pt>
                <c:pt idx="24">
                  <c:v>2.2265E-2</c:v>
                </c:pt>
                <c:pt idx="25">
                  <c:v>2.2294999999999999E-2</c:v>
                </c:pt>
                <c:pt idx="26">
                  <c:v>2.2294999999999999E-2</c:v>
                </c:pt>
                <c:pt idx="27">
                  <c:v>2.2294999999999999E-2</c:v>
                </c:pt>
                <c:pt idx="28">
                  <c:v>2.2368000000000002E-2</c:v>
                </c:pt>
                <c:pt idx="29">
                  <c:v>2.2433000000000002E-2</c:v>
                </c:pt>
                <c:pt idx="30">
                  <c:v>2.2386E-2</c:v>
                </c:pt>
                <c:pt idx="31">
                  <c:v>2.2347000000000002E-2</c:v>
                </c:pt>
                <c:pt idx="32">
                  <c:v>2.2397999999999998E-2</c:v>
                </c:pt>
                <c:pt idx="33">
                  <c:v>2.2397999999999998E-2</c:v>
                </c:pt>
                <c:pt idx="34">
                  <c:v>2.2397999999999998E-2</c:v>
                </c:pt>
                <c:pt idx="35">
                  <c:v>2.2402000000000002E-2</c:v>
                </c:pt>
                <c:pt idx="36">
                  <c:v>2.2381999999999999E-2</c:v>
                </c:pt>
                <c:pt idx="37">
                  <c:v>2.2384000000000001E-2</c:v>
                </c:pt>
                <c:pt idx="38">
                  <c:v>2.2440999999999999E-2</c:v>
                </c:pt>
                <c:pt idx="39">
                  <c:v>2.2465000000000002E-2</c:v>
                </c:pt>
                <c:pt idx="40">
                  <c:v>2.2465000000000002E-2</c:v>
                </c:pt>
                <c:pt idx="41">
                  <c:v>2.2465000000000002E-2</c:v>
                </c:pt>
                <c:pt idx="42">
                  <c:v>2.2463E-2</c:v>
                </c:pt>
                <c:pt idx="43">
                  <c:v>2.2418999999999998E-2</c:v>
                </c:pt>
                <c:pt idx="44">
                  <c:v>2.2402999999999999E-2</c:v>
                </c:pt>
                <c:pt idx="45">
                  <c:v>2.2350999999999999E-2</c:v>
                </c:pt>
                <c:pt idx="46">
                  <c:v>2.2321000000000001E-2</c:v>
                </c:pt>
                <c:pt idx="47">
                  <c:v>2.2321000000000001E-2</c:v>
                </c:pt>
                <c:pt idx="48">
                  <c:v>2.2321000000000001E-2</c:v>
                </c:pt>
                <c:pt idx="49">
                  <c:v>2.2334999999999997E-2</c:v>
                </c:pt>
                <c:pt idx="50">
                  <c:v>2.2322999999999999E-2</c:v>
                </c:pt>
                <c:pt idx="51">
                  <c:v>2.2309000000000002E-2</c:v>
                </c:pt>
                <c:pt idx="52">
                  <c:v>2.2360999999999999E-2</c:v>
                </c:pt>
                <c:pt idx="53">
                  <c:v>2.2414E-2</c:v>
                </c:pt>
                <c:pt idx="54">
                  <c:v>2.2414E-2</c:v>
                </c:pt>
                <c:pt idx="55">
                  <c:v>2.2414E-2</c:v>
                </c:pt>
                <c:pt idx="56">
                  <c:v>2.2391000000000001E-2</c:v>
                </c:pt>
              </c:numCache>
            </c:numRef>
          </c:val>
          <c:smooth val="0"/>
          <c:extLst>
            <c:ext xmlns:c16="http://schemas.microsoft.com/office/drawing/2014/chart" uri="{C3380CC4-5D6E-409C-BE32-E72D297353CC}">
              <c16:uniqueId val="{00000000-650A-414E-BB18-2C1E81237170}"/>
            </c:ext>
          </c:extLst>
        </c:ser>
        <c:ser>
          <c:idx val="2"/>
          <c:order val="1"/>
          <c:tx>
            <c:strRef>
              <c:f>'Converted to IR Cap'!$D$2</c:f>
              <c:strCache>
                <c:ptCount val="1"/>
                <c:pt idx="0">
                  <c:v>Cap Rate</c:v>
                </c:pt>
              </c:strCache>
            </c:strRef>
          </c:tx>
          <c:spPr>
            <a:ln w="28575" cap="rnd">
              <a:solidFill>
                <a:schemeClr val="accent3"/>
              </a:solidFill>
              <a:prstDash val="dash"/>
              <a:round/>
            </a:ln>
            <a:effectLst/>
          </c:spPr>
          <c:marker>
            <c:symbol val="none"/>
          </c:marker>
          <c:cat>
            <c:numRef>
              <c:f>'Converted to IR Cap'!$B$3:$B$59</c:f>
              <c:numCache>
                <c:formatCode>m/d/yyyy</c:formatCode>
                <c:ptCount val="57"/>
                <c:pt idx="0">
                  <c:v>43556</c:v>
                </c:pt>
                <c:pt idx="1">
                  <c:v>43557</c:v>
                </c:pt>
                <c:pt idx="2">
                  <c:v>43558</c:v>
                </c:pt>
                <c:pt idx="3">
                  <c:v>43559</c:v>
                </c:pt>
                <c:pt idx="4">
                  <c:v>43560</c:v>
                </c:pt>
                <c:pt idx="5">
                  <c:v>43561</c:v>
                </c:pt>
                <c:pt idx="6">
                  <c:v>43562</c:v>
                </c:pt>
                <c:pt idx="7">
                  <c:v>43563</c:v>
                </c:pt>
                <c:pt idx="8">
                  <c:v>43564</c:v>
                </c:pt>
                <c:pt idx="9">
                  <c:v>43565</c:v>
                </c:pt>
                <c:pt idx="10">
                  <c:v>43566</c:v>
                </c:pt>
                <c:pt idx="11">
                  <c:v>43567</c:v>
                </c:pt>
                <c:pt idx="12">
                  <c:v>43568</c:v>
                </c:pt>
                <c:pt idx="13">
                  <c:v>43569</c:v>
                </c:pt>
                <c:pt idx="14">
                  <c:v>43570</c:v>
                </c:pt>
                <c:pt idx="15">
                  <c:v>43571</c:v>
                </c:pt>
                <c:pt idx="16">
                  <c:v>43572</c:v>
                </c:pt>
                <c:pt idx="17">
                  <c:v>43573</c:v>
                </c:pt>
                <c:pt idx="18">
                  <c:v>43574</c:v>
                </c:pt>
                <c:pt idx="19">
                  <c:v>43575</c:v>
                </c:pt>
                <c:pt idx="20">
                  <c:v>43576</c:v>
                </c:pt>
                <c:pt idx="21">
                  <c:v>43577</c:v>
                </c:pt>
                <c:pt idx="22">
                  <c:v>43578</c:v>
                </c:pt>
                <c:pt idx="23">
                  <c:v>43579</c:v>
                </c:pt>
                <c:pt idx="24">
                  <c:v>43580</c:v>
                </c:pt>
                <c:pt idx="25">
                  <c:v>43581</c:v>
                </c:pt>
                <c:pt idx="26">
                  <c:v>43582</c:v>
                </c:pt>
                <c:pt idx="27">
                  <c:v>43583</c:v>
                </c:pt>
                <c:pt idx="28">
                  <c:v>43584</c:v>
                </c:pt>
                <c:pt idx="29">
                  <c:v>43585</c:v>
                </c:pt>
                <c:pt idx="30">
                  <c:v>43586</c:v>
                </c:pt>
                <c:pt idx="31">
                  <c:v>43587</c:v>
                </c:pt>
                <c:pt idx="32">
                  <c:v>43588</c:v>
                </c:pt>
                <c:pt idx="33">
                  <c:v>43589</c:v>
                </c:pt>
                <c:pt idx="34">
                  <c:v>43590</c:v>
                </c:pt>
                <c:pt idx="35">
                  <c:v>43591</c:v>
                </c:pt>
                <c:pt idx="36">
                  <c:v>43592</c:v>
                </c:pt>
                <c:pt idx="37">
                  <c:v>43593</c:v>
                </c:pt>
                <c:pt idx="38">
                  <c:v>43594</c:v>
                </c:pt>
                <c:pt idx="39">
                  <c:v>43595</c:v>
                </c:pt>
                <c:pt idx="40">
                  <c:v>43596</c:v>
                </c:pt>
                <c:pt idx="41">
                  <c:v>43597</c:v>
                </c:pt>
                <c:pt idx="42">
                  <c:v>43598</c:v>
                </c:pt>
                <c:pt idx="43">
                  <c:v>43599</c:v>
                </c:pt>
                <c:pt idx="44">
                  <c:v>43600</c:v>
                </c:pt>
                <c:pt idx="45">
                  <c:v>43601</c:v>
                </c:pt>
                <c:pt idx="46">
                  <c:v>43602</c:v>
                </c:pt>
                <c:pt idx="47">
                  <c:v>43603</c:v>
                </c:pt>
                <c:pt idx="48">
                  <c:v>43604</c:v>
                </c:pt>
                <c:pt idx="49">
                  <c:v>43605</c:v>
                </c:pt>
                <c:pt idx="50">
                  <c:v>43606</c:v>
                </c:pt>
                <c:pt idx="51">
                  <c:v>43607</c:v>
                </c:pt>
                <c:pt idx="52">
                  <c:v>43608</c:v>
                </c:pt>
                <c:pt idx="53">
                  <c:v>43609</c:v>
                </c:pt>
                <c:pt idx="54">
                  <c:v>43610</c:v>
                </c:pt>
                <c:pt idx="55">
                  <c:v>43611</c:v>
                </c:pt>
                <c:pt idx="56">
                  <c:v>43612</c:v>
                </c:pt>
              </c:numCache>
            </c:numRef>
          </c:cat>
          <c:val>
            <c:numRef>
              <c:f>'Converted to IR Cap'!$D$3:$D$59</c:f>
              <c:numCache>
                <c:formatCode>0.00%</c:formatCode>
                <c:ptCount val="57"/>
                <c:pt idx="0">
                  <c:v>2.2450000000000001E-2</c:v>
                </c:pt>
                <c:pt idx="1">
                  <c:v>2.2450000000000001E-2</c:v>
                </c:pt>
                <c:pt idx="2">
                  <c:v>2.2450000000000001E-2</c:v>
                </c:pt>
                <c:pt idx="3">
                  <c:v>2.2450000000000001E-2</c:v>
                </c:pt>
                <c:pt idx="4">
                  <c:v>2.2450000000000001E-2</c:v>
                </c:pt>
                <c:pt idx="5">
                  <c:v>2.2450000000000001E-2</c:v>
                </c:pt>
                <c:pt idx="6">
                  <c:v>2.2450000000000001E-2</c:v>
                </c:pt>
                <c:pt idx="7">
                  <c:v>2.2450000000000001E-2</c:v>
                </c:pt>
                <c:pt idx="8">
                  <c:v>2.2450000000000001E-2</c:v>
                </c:pt>
                <c:pt idx="9">
                  <c:v>2.2450000000000001E-2</c:v>
                </c:pt>
                <c:pt idx="10">
                  <c:v>2.2450000000000001E-2</c:v>
                </c:pt>
                <c:pt idx="11">
                  <c:v>2.2450000000000001E-2</c:v>
                </c:pt>
                <c:pt idx="12">
                  <c:v>2.2450000000000001E-2</c:v>
                </c:pt>
                <c:pt idx="13">
                  <c:v>2.2450000000000001E-2</c:v>
                </c:pt>
                <c:pt idx="14">
                  <c:v>2.2450000000000001E-2</c:v>
                </c:pt>
                <c:pt idx="15">
                  <c:v>2.2450000000000001E-2</c:v>
                </c:pt>
                <c:pt idx="16">
                  <c:v>2.2450000000000001E-2</c:v>
                </c:pt>
                <c:pt idx="17">
                  <c:v>2.2450000000000001E-2</c:v>
                </c:pt>
                <c:pt idx="18">
                  <c:v>2.2450000000000001E-2</c:v>
                </c:pt>
                <c:pt idx="19">
                  <c:v>2.2450000000000001E-2</c:v>
                </c:pt>
                <c:pt idx="20">
                  <c:v>2.2450000000000001E-2</c:v>
                </c:pt>
                <c:pt idx="21">
                  <c:v>2.2450000000000001E-2</c:v>
                </c:pt>
                <c:pt idx="22">
                  <c:v>2.2450000000000001E-2</c:v>
                </c:pt>
                <c:pt idx="23">
                  <c:v>2.2450000000000001E-2</c:v>
                </c:pt>
                <c:pt idx="24">
                  <c:v>2.2450000000000001E-2</c:v>
                </c:pt>
                <c:pt idx="25">
                  <c:v>2.2450000000000001E-2</c:v>
                </c:pt>
                <c:pt idx="26">
                  <c:v>2.2450000000000001E-2</c:v>
                </c:pt>
                <c:pt idx="27">
                  <c:v>2.2450000000000001E-2</c:v>
                </c:pt>
                <c:pt idx="28">
                  <c:v>2.2450000000000001E-2</c:v>
                </c:pt>
                <c:pt idx="29">
                  <c:v>2.2450000000000001E-2</c:v>
                </c:pt>
                <c:pt idx="30">
                  <c:v>2.2450000000000001E-2</c:v>
                </c:pt>
                <c:pt idx="31">
                  <c:v>2.2450000000000001E-2</c:v>
                </c:pt>
                <c:pt idx="32">
                  <c:v>2.2450000000000001E-2</c:v>
                </c:pt>
                <c:pt idx="33">
                  <c:v>2.2450000000000001E-2</c:v>
                </c:pt>
                <c:pt idx="34">
                  <c:v>2.2450000000000001E-2</c:v>
                </c:pt>
                <c:pt idx="35">
                  <c:v>2.2450000000000001E-2</c:v>
                </c:pt>
                <c:pt idx="36">
                  <c:v>2.2450000000000001E-2</c:v>
                </c:pt>
                <c:pt idx="37">
                  <c:v>2.2450000000000001E-2</c:v>
                </c:pt>
                <c:pt idx="38">
                  <c:v>2.2450000000000001E-2</c:v>
                </c:pt>
                <c:pt idx="39">
                  <c:v>2.2450000000000001E-2</c:v>
                </c:pt>
                <c:pt idx="40">
                  <c:v>2.2450000000000001E-2</c:v>
                </c:pt>
                <c:pt idx="41">
                  <c:v>2.2450000000000001E-2</c:v>
                </c:pt>
                <c:pt idx="42">
                  <c:v>2.2450000000000001E-2</c:v>
                </c:pt>
                <c:pt idx="43">
                  <c:v>2.2450000000000001E-2</c:v>
                </c:pt>
                <c:pt idx="44">
                  <c:v>2.2450000000000001E-2</c:v>
                </c:pt>
                <c:pt idx="45">
                  <c:v>2.2450000000000001E-2</c:v>
                </c:pt>
                <c:pt idx="46">
                  <c:v>2.2450000000000001E-2</c:v>
                </c:pt>
                <c:pt idx="47">
                  <c:v>2.2450000000000001E-2</c:v>
                </c:pt>
                <c:pt idx="48">
                  <c:v>2.2450000000000001E-2</c:v>
                </c:pt>
                <c:pt idx="49">
                  <c:v>2.2450000000000001E-2</c:v>
                </c:pt>
                <c:pt idx="50">
                  <c:v>2.2450000000000001E-2</c:v>
                </c:pt>
                <c:pt idx="51">
                  <c:v>2.2450000000000001E-2</c:v>
                </c:pt>
                <c:pt idx="52">
                  <c:v>2.2450000000000001E-2</c:v>
                </c:pt>
                <c:pt idx="53">
                  <c:v>2.2450000000000001E-2</c:v>
                </c:pt>
                <c:pt idx="54">
                  <c:v>2.2450000000000001E-2</c:v>
                </c:pt>
                <c:pt idx="55">
                  <c:v>2.2450000000000001E-2</c:v>
                </c:pt>
                <c:pt idx="56">
                  <c:v>2.2450000000000001E-2</c:v>
                </c:pt>
              </c:numCache>
            </c:numRef>
          </c:val>
          <c:smooth val="0"/>
          <c:extLst>
            <c:ext xmlns:c16="http://schemas.microsoft.com/office/drawing/2014/chart" uri="{C3380CC4-5D6E-409C-BE32-E72D297353CC}">
              <c16:uniqueId val="{00000001-650A-414E-BB18-2C1E81237170}"/>
            </c:ext>
          </c:extLst>
        </c:ser>
        <c:ser>
          <c:idx val="1"/>
          <c:order val="2"/>
          <c:tx>
            <c:strRef>
              <c:f>'Converted to IR Cap'!$E$2</c:f>
              <c:strCache>
                <c:ptCount val="1"/>
                <c:pt idx="0">
                  <c:v>Realized Rate</c:v>
                </c:pt>
              </c:strCache>
            </c:strRef>
          </c:tx>
          <c:spPr>
            <a:ln w="28575" cap="rnd">
              <a:solidFill>
                <a:srgbClr val="8D0E57"/>
              </a:solidFill>
              <a:round/>
            </a:ln>
            <a:effectLst/>
          </c:spPr>
          <c:marker>
            <c:symbol val="none"/>
          </c:marker>
          <c:cat>
            <c:numRef>
              <c:f>'Converted to IR Cap'!$B$3:$B$59</c:f>
              <c:numCache>
                <c:formatCode>m/d/yyyy</c:formatCode>
                <c:ptCount val="57"/>
                <c:pt idx="0">
                  <c:v>43556</c:v>
                </c:pt>
                <c:pt idx="1">
                  <c:v>43557</c:v>
                </c:pt>
                <c:pt idx="2">
                  <c:v>43558</c:v>
                </c:pt>
                <c:pt idx="3">
                  <c:v>43559</c:v>
                </c:pt>
                <c:pt idx="4">
                  <c:v>43560</c:v>
                </c:pt>
                <c:pt idx="5">
                  <c:v>43561</c:v>
                </c:pt>
                <c:pt idx="6">
                  <c:v>43562</c:v>
                </c:pt>
                <c:pt idx="7">
                  <c:v>43563</c:v>
                </c:pt>
                <c:pt idx="8">
                  <c:v>43564</c:v>
                </c:pt>
                <c:pt idx="9">
                  <c:v>43565</c:v>
                </c:pt>
                <c:pt idx="10">
                  <c:v>43566</c:v>
                </c:pt>
                <c:pt idx="11">
                  <c:v>43567</c:v>
                </c:pt>
                <c:pt idx="12">
                  <c:v>43568</c:v>
                </c:pt>
                <c:pt idx="13">
                  <c:v>43569</c:v>
                </c:pt>
                <c:pt idx="14">
                  <c:v>43570</c:v>
                </c:pt>
                <c:pt idx="15">
                  <c:v>43571</c:v>
                </c:pt>
                <c:pt idx="16">
                  <c:v>43572</c:v>
                </c:pt>
                <c:pt idx="17">
                  <c:v>43573</c:v>
                </c:pt>
                <c:pt idx="18">
                  <c:v>43574</c:v>
                </c:pt>
                <c:pt idx="19">
                  <c:v>43575</c:v>
                </c:pt>
                <c:pt idx="20">
                  <c:v>43576</c:v>
                </c:pt>
                <c:pt idx="21">
                  <c:v>43577</c:v>
                </c:pt>
                <c:pt idx="22">
                  <c:v>43578</c:v>
                </c:pt>
                <c:pt idx="23">
                  <c:v>43579</c:v>
                </c:pt>
                <c:pt idx="24">
                  <c:v>43580</c:v>
                </c:pt>
                <c:pt idx="25">
                  <c:v>43581</c:v>
                </c:pt>
                <c:pt idx="26">
                  <c:v>43582</c:v>
                </c:pt>
                <c:pt idx="27">
                  <c:v>43583</c:v>
                </c:pt>
                <c:pt idx="28">
                  <c:v>43584</c:v>
                </c:pt>
                <c:pt idx="29">
                  <c:v>43585</c:v>
                </c:pt>
                <c:pt idx="30">
                  <c:v>43586</c:v>
                </c:pt>
                <c:pt idx="31">
                  <c:v>43587</c:v>
                </c:pt>
                <c:pt idx="32">
                  <c:v>43588</c:v>
                </c:pt>
                <c:pt idx="33">
                  <c:v>43589</c:v>
                </c:pt>
                <c:pt idx="34">
                  <c:v>43590</c:v>
                </c:pt>
                <c:pt idx="35">
                  <c:v>43591</c:v>
                </c:pt>
                <c:pt idx="36">
                  <c:v>43592</c:v>
                </c:pt>
                <c:pt idx="37">
                  <c:v>43593</c:v>
                </c:pt>
                <c:pt idx="38">
                  <c:v>43594</c:v>
                </c:pt>
                <c:pt idx="39">
                  <c:v>43595</c:v>
                </c:pt>
                <c:pt idx="40">
                  <c:v>43596</c:v>
                </c:pt>
                <c:pt idx="41">
                  <c:v>43597</c:v>
                </c:pt>
                <c:pt idx="42">
                  <c:v>43598</c:v>
                </c:pt>
                <c:pt idx="43">
                  <c:v>43599</c:v>
                </c:pt>
                <c:pt idx="44">
                  <c:v>43600</c:v>
                </c:pt>
                <c:pt idx="45">
                  <c:v>43601</c:v>
                </c:pt>
                <c:pt idx="46">
                  <c:v>43602</c:v>
                </c:pt>
                <c:pt idx="47">
                  <c:v>43603</c:v>
                </c:pt>
                <c:pt idx="48">
                  <c:v>43604</c:v>
                </c:pt>
                <c:pt idx="49">
                  <c:v>43605</c:v>
                </c:pt>
                <c:pt idx="50">
                  <c:v>43606</c:v>
                </c:pt>
                <c:pt idx="51">
                  <c:v>43607</c:v>
                </c:pt>
                <c:pt idx="52">
                  <c:v>43608</c:v>
                </c:pt>
                <c:pt idx="53">
                  <c:v>43609</c:v>
                </c:pt>
                <c:pt idx="54">
                  <c:v>43610</c:v>
                </c:pt>
                <c:pt idx="55">
                  <c:v>43611</c:v>
                </c:pt>
                <c:pt idx="56">
                  <c:v>43612</c:v>
                </c:pt>
              </c:numCache>
            </c:numRef>
          </c:cat>
          <c:val>
            <c:numRef>
              <c:f>'Converted to IR Cap'!$E$3:$E$59</c:f>
              <c:numCache>
                <c:formatCode>_(* #,##0_);_(* \(#,##0\);_(* "-"??_);_(@_)</c:formatCode>
                <c:ptCount val="57"/>
                <c:pt idx="0">
                  <c:v>2.2421000000000003E-2</c:v>
                </c:pt>
                <c:pt idx="1">
                  <c:v>2.2406000000000002E-2</c:v>
                </c:pt>
                <c:pt idx="2">
                  <c:v>2.2450000000000001E-2</c:v>
                </c:pt>
                <c:pt idx="3">
                  <c:v>2.2450000000000001E-2</c:v>
                </c:pt>
                <c:pt idx="4">
                  <c:v>2.2435E-2</c:v>
                </c:pt>
                <c:pt idx="5">
                  <c:v>2.2435E-2</c:v>
                </c:pt>
                <c:pt idx="6">
                  <c:v>2.2435E-2</c:v>
                </c:pt>
                <c:pt idx="7">
                  <c:v>2.2450000000000001E-2</c:v>
                </c:pt>
                <c:pt idx="8">
                  <c:v>2.2450000000000001E-2</c:v>
                </c:pt>
                <c:pt idx="9">
                  <c:v>2.2450000000000001E-2</c:v>
                </c:pt>
                <c:pt idx="10">
                  <c:v>2.2450000000000001E-2</c:v>
                </c:pt>
                <c:pt idx="11">
                  <c:v>2.2450000000000001E-2</c:v>
                </c:pt>
                <c:pt idx="12">
                  <c:v>2.2450000000000001E-2</c:v>
                </c:pt>
                <c:pt idx="13">
                  <c:v>2.2450000000000001E-2</c:v>
                </c:pt>
                <c:pt idx="14">
                  <c:v>2.2450000000000001E-2</c:v>
                </c:pt>
                <c:pt idx="15">
                  <c:v>2.2450000000000001E-2</c:v>
                </c:pt>
                <c:pt idx="16">
                  <c:v>2.2450000000000001E-2</c:v>
                </c:pt>
                <c:pt idx="17">
                  <c:v>2.2450000000000001E-2</c:v>
                </c:pt>
                <c:pt idx="18">
                  <c:v>2.2450000000000001E-2</c:v>
                </c:pt>
                <c:pt idx="19">
                  <c:v>2.2450000000000001E-2</c:v>
                </c:pt>
                <c:pt idx="20">
                  <c:v>2.2450000000000001E-2</c:v>
                </c:pt>
                <c:pt idx="21">
                  <c:v>2.2450000000000001E-2</c:v>
                </c:pt>
                <c:pt idx="22">
                  <c:v>2.2448000000000003E-2</c:v>
                </c:pt>
                <c:pt idx="23">
                  <c:v>2.2317999999999998E-2</c:v>
                </c:pt>
                <c:pt idx="24">
                  <c:v>2.2265E-2</c:v>
                </c:pt>
                <c:pt idx="25">
                  <c:v>2.2294999999999999E-2</c:v>
                </c:pt>
                <c:pt idx="26">
                  <c:v>2.2294999999999999E-2</c:v>
                </c:pt>
                <c:pt idx="27">
                  <c:v>2.2294999999999999E-2</c:v>
                </c:pt>
                <c:pt idx="28">
                  <c:v>2.2368000000000002E-2</c:v>
                </c:pt>
                <c:pt idx="29">
                  <c:v>2.2433000000000002E-2</c:v>
                </c:pt>
                <c:pt idx="30">
                  <c:v>2.2386E-2</c:v>
                </c:pt>
                <c:pt idx="31">
                  <c:v>2.2347000000000002E-2</c:v>
                </c:pt>
                <c:pt idx="32">
                  <c:v>2.2397999999999998E-2</c:v>
                </c:pt>
                <c:pt idx="33">
                  <c:v>2.2397999999999998E-2</c:v>
                </c:pt>
                <c:pt idx="34">
                  <c:v>2.2397999999999998E-2</c:v>
                </c:pt>
                <c:pt idx="35">
                  <c:v>2.2402000000000002E-2</c:v>
                </c:pt>
                <c:pt idx="36">
                  <c:v>2.2381999999999999E-2</c:v>
                </c:pt>
                <c:pt idx="37">
                  <c:v>2.2384000000000001E-2</c:v>
                </c:pt>
                <c:pt idx="38">
                  <c:v>2.2440999999999999E-2</c:v>
                </c:pt>
                <c:pt idx="39">
                  <c:v>2.2450000000000001E-2</c:v>
                </c:pt>
                <c:pt idx="40">
                  <c:v>2.2450000000000001E-2</c:v>
                </c:pt>
                <c:pt idx="41">
                  <c:v>2.2450000000000001E-2</c:v>
                </c:pt>
                <c:pt idx="42">
                  <c:v>2.2450000000000001E-2</c:v>
                </c:pt>
                <c:pt idx="43">
                  <c:v>2.2418999999999998E-2</c:v>
                </c:pt>
                <c:pt idx="44">
                  <c:v>2.2402999999999999E-2</c:v>
                </c:pt>
                <c:pt idx="45">
                  <c:v>2.2350999999999999E-2</c:v>
                </c:pt>
                <c:pt idx="46">
                  <c:v>2.2321000000000001E-2</c:v>
                </c:pt>
                <c:pt idx="47">
                  <c:v>2.2321000000000001E-2</c:v>
                </c:pt>
                <c:pt idx="48">
                  <c:v>2.2321000000000001E-2</c:v>
                </c:pt>
                <c:pt idx="49">
                  <c:v>2.2334999999999997E-2</c:v>
                </c:pt>
                <c:pt idx="50">
                  <c:v>2.2322999999999999E-2</c:v>
                </c:pt>
                <c:pt idx="51">
                  <c:v>2.2309000000000002E-2</c:v>
                </c:pt>
                <c:pt idx="52">
                  <c:v>2.2360999999999999E-2</c:v>
                </c:pt>
                <c:pt idx="53">
                  <c:v>2.2414E-2</c:v>
                </c:pt>
                <c:pt idx="54">
                  <c:v>2.2414E-2</c:v>
                </c:pt>
                <c:pt idx="55">
                  <c:v>2.2414E-2</c:v>
                </c:pt>
                <c:pt idx="56">
                  <c:v>2.2391000000000001E-2</c:v>
                </c:pt>
              </c:numCache>
            </c:numRef>
          </c:val>
          <c:smooth val="0"/>
          <c:extLst>
            <c:ext xmlns:c16="http://schemas.microsoft.com/office/drawing/2014/chart" uri="{C3380CC4-5D6E-409C-BE32-E72D297353CC}">
              <c16:uniqueId val="{00000002-650A-414E-BB18-2C1E81237170}"/>
            </c:ext>
          </c:extLst>
        </c:ser>
        <c:dLbls>
          <c:showLegendKey val="0"/>
          <c:showVal val="0"/>
          <c:showCatName val="0"/>
          <c:showSerName val="0"/>
          <c:showPercent val="0"/>
          <c:showBubbleSize val="0"/>
        </c:dLbls>
        <c:smooth val="0"/>
        <c:axId val="374239672"/>
        <c:axId val="374241632"/>
      </c:lineChart>
      <c:dateAx>
        <c:axId val="374239672"/>
        <c:scaling>
          <c:orientation val="minMax"/>
        </c:scaling>
        <c:delete val="1"/>
        <c:axPos val="b"/>
        <c:numFmt formatCode="m/d/yyyy" sourceLinked="1"/>
        <c:majorTickMark val="none"/>
        <c:minorTickMark val="none"/>
        <c:tickLblPos val="none"/>
        <c:crossAx val="374241632"/>
        <c:crosses val="autoZero"/>
        <c:auto val="1"/>
        <c:lblOffset val="100"/>
        <c:baseTimeUnit val="days"/>
      </c:dateAx>
      <c:valAx>
        <c:axId val="374241632"/>
        <c:scaling>
          <c:orientation val="minMax"/>
        </c:scaling>
        <c:delete val="0"/>
        <c:axPos val="l"/>
        <c:numFmt formatCode="0.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74239672"/>
        <c:crosses val="autoZero"/>
        <c:crossBetween val="between"/>
      </c:valAx>
      <c:spPr>
        <a:noFill/>
        <a:ln>
          <a:noFill/>
        </a:ln>
        <a:effectLst/>
      </c:spPr>
    </c:plotArea>
    <c:legend>
      <c:legendPos val="b"/>
      <c:overlay val="1"/>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solidFill>
        <a:srgbClr val="FFFFFF">
          <a:lumMod val="85000"/>
        </a:srgbClr>
      </a:solidFill>
    </a:ln>
    <a:effectLst/>
  </c:spPr>
  <c:txPr>
    <a:bodyPr/>
    <a:lstStyle/>
    <a:p>
      <a:pPr>
        <a:defRPr/>
      </a:pPr>
      <a:endParaRPr lang="en-US"/>
    </a:p>
  </c:txPr>
  <c:externalData r:id="rId4">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sz="1600">
                <a:solidFill>
                  <a:srgbClr val="004578"/>
                </a:solidFill>
              </a:rPr>
              <a:t>Payoff Profile</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9.7390074357466147E-2"/>
          <c:y val="0.10265187283600881"/>
          <c:w val="0.87383821607986389"/>
          <c:h val="0.85406830343090967"/>
        </c:manualLayout>
      </c:layout>
      <c:lineChart>
        <c:grouping val="standard"/>
        <c:varyColors val="0"/>
        <c:ser>
          <c:idx val="0"/>
          <c:order val="0"/>
          <c:tx>
            <c:strRef>
              <c:f>'Converted to IR Collar'!$C$2</c:f>
              <c:strCache>
                <c:ptCount val="1"/>
                <c:pt idx="0">
                  <c:v>3m LIBOR</c:v>
                </c:pt>
              </c:strCache>
            </c:strRef>
          </c:tx>
          <c:spPr>
            <a:ln w="57150" cap="rnd">
              <a:solidFill>
                <a:schemeClr val="accent5">
                  <a:lumMod val="75000"/>
                </a:schemeClr>
              </a:solidFill>
              <a:prstDash val="sysDot"/>
              <a:round/>
            </a:ln>
            <a:effectLst/>
          </c:spPr>
          <c:marker>
            <c:symbol val="none"/>
          </c:marker>
          <c:cat>
            <c:numRef>
              <c:f>'Converted to IR Collar'!$B$3:$B$59</c:f>
              <c:numCache>
                <c:formatCode>m/d/yyyy</c:formatCode>
                <c:ptCount val="57"/>
                <c:pt idx="0">
                  <c:v>43556</c:v>
                </c:pt>
                <c:pt idx="1">
                  <c:v>43557</c:v>
                </c:pt>
                <c:pt idx="2">
                  <c:v>43558</c:v>
                </c:pt>
                <c:pt idx="3">
                  <c:v>43559</c:v>
                </c:pt>
                <c:pt idx="4">
                  <c:v>43560</c:v>
                </c:pt>
                <c:pt idx="5">
                  <c:v>43561</c:v>
                </c:pt>
                <c:pt idx="6">
                  <c:v>43562</c:v>
                </c:pt>
                <c:pt idx="7">
                  <c:v>43563</c:v>
                </c:pt>
                <c:pt idx="8">
                  <c:v>43564</c:v>
                </c:pt>
                <c:pt idx="9">
                  <c:v>43565</c:v>
                </c:pt>
                <c:pt idx="10">
                  <c:v>43566</c:v>
                </c:pt>
                <c:pt idx="11">
                  <c:v>43567</c:v>
                </c:pt>
                <c:pt idx="12">
                  <c:v>43568</c:v>
                </c:pt>
                <c:pt idx="13">
                  <c:v>43569</c:v>
                </c:pt>
                <c:pt idx="14">
                  <c:v>43570</c:v>
                </c:pt>
                <c:pt idx="15">
                  <c:v>43571</c:v>
                </c:pt>
                <c:pt idx="16">
                  <c:v>43572</c:v>
                </c:pt>
                <c:pt idx="17">
                  <c:v>43573</c:v>
                </c:pt>
                <c:pt idx="18">
                  <c:v>43574</c:v>
                </c:pt>
                <c:pt idx="19">
                  <c:v>43575</c:v>
                </c:pt>
                <c:pt idx="20">
                  <c:v>43576</c:v>
                </c:pt>
                <c:pt idx="21">
                  <c:v>43577</c:v>
                </c:pt>
                <c:pt idx="22">
                  <c:v>43578</c:v>
                </c:pt>
                <c:pt idx="23">
                  <c:v>43579</c:v>
                </c:pt>
                <c:pt idx="24">
                  <c:v>43580</c:v>
                </c:pt>
                <c:pt idx="25">
                  <c:v>43581</c:v>
                </c:pt>
                <c:pt idx="26">
                  <c:v>43582</c:v>
                </c:pt>
                <c:pt idx="27">
                  <c:v>43583</c:v>
                </c:pt>
                <c:pt idx="28">
                  <c:v>43584</c:v>
                </c:pt>
                <c:pt idx="29">
                  <c:v>43585</c:v>
                </c:pt>
                <c:pt idx="30">
                  <c:v>43586</c:v>
                </c:pt>
                <c:pt idx="31">
                  <c:v>43587</c:v>
                </c:pt>
                <c:pt idx="32">
                  <c:v>43588</c:v>
                </c:pt>
                <c:pt idx="33">
                  <c:v>43589</c:v>
                </c:pt>
                <c:pt idx="34">
                  <c:v>43590</c:v>
                </c:pt>
                <c:pt idx="35">
                  <c:v>43591</c:v>
                </c:pt>
                <c:pt idx="36">
                  <c:v>43592</c:v>
                </c:pt>
                <c:pt idx="37">
                  <c:v>43593</c:v>
                </c:pt>
                <c:pt idx="38">
                  <c:v>43594</c:v>
                </c:pt>
                <c:pt idx="39">
                  <c:v>43595</c:v>
                </c:pt>
                <c:pt idx="40">
                  <c:v>43596</c:v>
                </c:pt>
                <c:pt idx="41">
                  <c:v>43597</c:v>
                </c:pt>
                <c:pt idx="42">
                  <c:v>43598</c:v>
                </c:pt>
                <c:pt idx="43">
                  <c:v>43599</c:v>
                </c:pt>
                <c:pt idx="44">
                  <c:v>43600</c:v>
                </c:pt>
                <c:pt idx="45">
                  <c:v>43601</c:v>
                </c:pt>
                <c:pt idx="46">
                  <c:v>43602</c:v>
                </c:pt>
                <c:pt idx="47">
                  <c:v>43603</c:v>
                </c:pt>
                <c:pt idx="48">
                  <c:v>43604</c:v>
                </c:pt>
                <c:pt idx="49">
                  <c:v>43605</c:v>
                </c:pt>
                <c:pt idx="50">
                  <c:v>43606</c:v>
                </c:pt>
                <c:pt idx="51">
                  <c:v>43607</c:v>
                </c:pt>
                <c:pt idx="52">
                  <c:v>43608</c:v>
                </c:pt>
                <c:pt idx="53">
                  <c:v>43609</c:v>
                </c:pt>
                <c:pt idx="54">
                  <c:v>43610</c:v>
                </c:pt>
                <c:pt idx="55">
                  <c:v>43611</c:v>
                </c:pt>
                <c:pt idx="56">
                  <c:v>43612</c:v>
                </c:pt>
              </c:numCache>
            </c:numRef>
          </c:cat>
          <c:val>
            <c:numRef>
              <c:f>'Converted to IR Collar'!$C$3:$C$59</c:f>
              <c:numCache>
                <c:formatCode>0.0000</c:formatCode>
                <c:ptCount val="57"/>
                <c:pt idx="0">
                  <c:v>2.2421000000000003E-2</c:v>
                </c:pt>
                <c:pt idx="1">
                  <c:v>2.2406000000000002E-2</c:v>
                </c:pt>
                <c:pt idx="2">
                  <c:v>2.2475000000000002E-2</c:v>
                </c:pt>
                <c:pt idx="3">
                  <c:v>2.2456E-2</c:v>
                </c:pt>
                <c:pt idx="4">
                  <c:v>2.2435E-2</c:v>
                </c:pt>
                <c:pt idx="5">
                  <c:v>2.2435E-2</c:v>
                </c:pt>
                <c:pt idx="6">
                  <c:v>2.2435E-2</c:v>
                </c:pt>
                <c:pt idx="7">
                  <c:v>2.2532999999999997E-2</c:v>
                </c:pt>
                <c:pt idx="8">
                  <c:v>2.2529E-2</c:v>
                </c:pt>
                <c:pt idx="9">
                  <c:v>2.2551000000000002E-2</c:v>
                </c:pt>
                <c:pt idx="10">
                  <c:v>2.2513000000000002E-2</c:v>
                </c:pt>
                <c:pt idx="11">
                  <c:v>2.2587000000000003E-2</c:v>
                </c:pt>
                <c:pt idx="12">
                  <c:v>2.2587000000000003E-2</c:v>
                </c:pt>
                <c:pt idx="13">
                  <c:v>2.2587000000000003E-2</c:v>
                </c:pt>
                <c:pt idx="14">
                  <c:v>2.2605E-2</c:v>
                </c:pt>
                <c:pt idx="15">
                  <c:v>2.2568000000000001E-2</c:v>
                </c:pt>
                <c:pt idx="16">
                  <c:v>2.2599000000000001E-2</c:v>
                </c:pt>
                <c:pt idx="17">
                  <c:v>2.2460000000000001E-2</c:v>
                </c:pt>
                <c:pt idx="18">
                  <c:v>2.2486000000000003E-2</c:v>
                </c:pt>
                <c:pt idx="19">
                  <c:v>2.2486000000000003E-2</c:v>
                </c:pt>
                <c:pt idx="20">
                  <c:v>2.2486000000000003E-2</c:v>
                </c:pt>
                <c:pt idx="21">
                  <c:v>2.2517999999999996E-2</c:v>
                </c:pt>
                <c:pt idx="22">
                  <c:v>2.2448000000000003E-2</c:v>
                </c:pt>
                <c:pt idx="23">
                  <c:v>2.2317999999999998E-2</c:v>
                </c:pt>
                <c:pt idx="24">
                  <c:v>2.2265E-2</c:v>
                </c:pt>
                <c:pt idx="25">
                  <c:v>2.2294999999999999E-2</c:v>
                </c:pt>
                <c:pt idx="26">
                  <c:v>2.2294999999999999E-2</c:v>
                </c:pt>
                <c:pt idx="27">
                  <c:v>2.2294999999999999E-2</c:v>
                </c:pt>
                <c:pt idx="28">
                  <c:v>2.2368000000000002E-2</c:v>
                </c:pt>
                <c:pt idx="29">
                  <c:v>2.2433000000000002E-2</c:v>
                </c:pt>
                <c:pt idx="30">
                  <c:v>2.2386E-2</c:v>
                </c:pt>
                <c:pt idx="31">
                  <c:v>2.2347000000000002E-2</c:v>
                </c:pt>
                <c:pt idx="32">
                  <c:v>2.2397999999999998E-2</c:v>
                </c:pt>
                <c:pt idx="33">
                  <c:v>2.2397999999999998E-2</c:v>
                </c:pt>
                <c:pt idx="34">
                  <c:v>2.2397999999999998E-2</c:v>
                </c:pt>
                <c:pt idx="35">
                  <c:v>2.2402000000000002E-2</c:v>
                </c:pt>
                <c:pt idx="36">
                  <c:v>2.2381999999999999E-2</c:v>
                </c:pt>
                <c:pt idx="37">
                  <c:v>2.2384000000000001E-2</c:v>
                </c:pt>
                <c:pt idx="38">
                  <c:v>2.2440999999999999E-2</c:v>
                </c:pt>
                <c:pt idx="39">
                  <c:v>2.2465000000000002E-2</c:v>
                </c:pt>
                <c:pt idx="40">
                  <c:v>2.2465000000000002E-2</c:v>
                </c:pt>
                <c:pt idx="41">
                  <c:v>2.2465000000000002E-2</c:v>
                </c:pt>
                <c:pt idx="42">
                  <c:v>2.2463E-2</c:v>
                </c:pt>
                <c:pt idx="43">
                  <c:v>2.2418999999999998E-2</c:v>
                </c:pt>
                <c:pt idx="44">
                  <c:v>2.2402999999999999E-2</c:v>
                </c:pt>
                <c:pt idx="45">
                  <c:v>2.2350999999999999E-2</c:v>
                </c:pt>
                <c:pt idx="46">
                  <c:v>2.2321000000000001E-2</c:v>
                </c:pt>
                <c:pt idx="47">
                  <c:v>2.2321000000000001E-2</c:v>
                </c:pt>
                <c:pt idx="48">
                  <c:v>2.2321000000000001E-2</c:v>
                </c:pt>
                <c:pt idx="49">
                  <c:v>2.2334999999999997E-2</c:v>
                </c:pt>
                <c:pt idx="50">
                  <c:v>2.2322999999999999E-2</c:v>
                </c:pt>
                <c:pt idx="51">
                  <c:v>2.2309000000000002E-2</c:v>
                </c:pt>
                <c:pt idx="52">
                  <c:v>2.2360999999999999E-2</c:v>
                </c:pt>
                <c:pt idx="53">
                  <c:v>2.2414E-2</c:v>
                </c:pt>
                <c:pt idx="54">
                  <c:v>2.2414E-2</c:v>
                </c:pt>
                <c:pt idx="55">
                  <c:v>2.2414E-2</c:v>
                </c:pt>
                <c:pt idx="56">
                  <c:v>2.2391000000000001E-2</c:v>
                </c:pt>
              </c:numCache>
            </c:numRef>
          </c:val>
          <c:smooth val="0"/>
          <c:extLst>
            <c:ext xmlns:c16="http://schemas.microsoft.com/office/drawing/2014/chart" uri="{C3380CC4-5D6E-409C-BE32-E72D297353CC}">
              <c16:uniqueId val="{00000000-7237-4D08-91E5-DA658A3E7B02}"/>
            </c:ext>
          </c:extLst>
        </c:ser>
        <c:ser>
          <c:idx val="2"/>
          <c:order val="1"/>
          <c:tx>
            <c:strRef>
              <c:f>'Converted to IR Collar'!$D$2</c:f>
              <c:strCache>
                <c:ptCount val="1"/>
                <c:pt idx="0">
                  <c:v>Cap Strike</c:v>
                </c:pt>
              </c:strCache>
            </c:strRef>
          </c:tx>
          <c:spPr>
            <a:ln w="28575" cap="rnd">
              <a:solidFill>
                <a:schemeClr val="accent3"/>
              </a:solidFill>
              <a:prstDash val="dash"/>
              <a:round/>
            </a:ln>
            <a:effectLst/>
          </c:spPr>
          <c:marker>
            <c:symbol val="none"/>
          </c:marker>
          <c:cat>
            <c:numRef>
              <c:f>'Converted to IR Collar'!$B$3:$B$59</c:f>
              <c:numCache>
                <c:formatCode>m/d/yyyy</c:formatCode>
                <c:ptCount val="57"/>
                <c:pt idx="0">
                  <c:v>43556</c:v>
                </c:pt>
                <c:pt idx="1">
                  <c:v>43557</c:v>
                </c:pt>
                <c:pt idx="2">
                  <c:v>43558</c:v>
                </c:pt>
                <c:pt idx="3">
                  <c:v>43559</c:v>
                </c:pt>
                <c:pt idx="4">
                  <c:v>43560</c:v>
                </c:pt>
                <c:pt idx="5">
                  <c:v>43561</c:v>
                </c:pt>
                <c:pt idx="6">
                  <c:v>43562</c:v>
                </c:pt>
                <c:pt idx="7">
                  <c:v>43563</c:v>
                </c:pt>
                <c:pt idx="8">
                  <c:v>43564</c:v>
                </c:pt>
                <c:pt idx="9">
                  <c:v>43565</c:v>
                </c:pt>
                <c:pt idx="10">
                  <c:v>43566</c:v>
                </c:pt>
                <c:pt idx="11">
                  <c:v>43567</c:v>
                </c:pt>
                <c:pt idx="12">
                  <c:v>43568</c:v>
                </c:pt>
                <c:pt idx="13">
                  <c:v>43569</c:v>
                </c:pt>
                <c:pt idx="14">
                  <c:v>43570</c:v>
                </c:pt>
                <c:pt idx="15">
                  <c:v>43571</c:v>
                </c:pt>
                <c:pt idx="16">
                  <c:v>43572</c:v>
                </c:pt>
                <c:pt idx="17">
                  <c:v>43573</c:v>
                </c:pt>
                <c:pt idx="18">
                  <c:v>43574</c:v>
                </c:pt>
                <c:pt idx="19">
                  <c:v>43575</c:v>
                </c:pt>
                <c:pt idx="20">
                  <c:v>43576</c:v>
                </c:pt>
                <c:pt idx="21">
                  <c:v>43577</c:v>
                </c:pt>
                <c:pt idx="22">
                  <c:v>43578</c:v>
                </c:pt>
                <c:pt idx="23">
                  <c:v>43579</c:v>
                </c:pt>
                <c:pt idx="24">
                  <c:v>43580</c:v>
                </c:pt>
                <c:pt idx="25">
                  <c:v>43581</c:v>
                </c:pt>
                <c:pt idx="26">
                  <c:v>43582</c:v>
                </c:pt>
                <c:pt idx="27">
                  <c:v>43583</c:v>
                </c:pt>
                <c:pt idx="28">
                  <c:v>43584</c:v>
                </c:pt>
                <c:pt idx="29">
                  <c:v>43585</c:v>
                </c:pt>
                <c:pt idx="30">
                  <c:v>43586</c:v>
                </c:pt>
                <c:pt idx="31">
                  <c:v>43587</c:v>
                </c:pt>
                <c:pt idx="32">
                  <c:v>43588</c:v>
                </c:pt>
                <c:pt idx="33">
                  <c:v>43589</c:v>
                </c:pt>
                <c:pt idx="34">
                  <c:v>43590</c:v>
                </c:pt>
                <c:pt idx="35">
                  <c:v>43591</c:v>
                </c:pt>
                <c:pt idx="36">
                  <c:v>43592</c:v>
                </c:pt>
                <c:pt idx="37">
                  <c:v>43593</c:v>
                </c:pt>
                <c:pt idx="38">
                  <c:v>43594</c:v>
                </c:pt>
                <c:pt idx="39">
                  <c:v>43595</c:v>
                </c:pt>
                <c:pt idx="40">
                  <c:v>43596</c:v>
                </c:pt>
                <c:pt idx="41">
                  <c:v>43597</c:v>
                </c:pt>
                <c:pt idx="42">
                  <c:v>43598</c:v>
                </c:pt>
                <c:pt idx="43">
                  <c:v>43599</c:v>
                </c:pt>
                <c:pt idx="44">
                  <c:v>43600</c:v>
                </c:pt>
                <c:pt idx="45">
                  <c:v>43601</c:v>
                </c:pt>
                <c:pt idx="46">
                  <c:v>43602</c:v>
                </c:pt>
                <c:pt idx="47">
                  <c:v>43603</c:v>
                </c:pt>
                <c:pt idx="48">
                  <c:v>43604</c:v>
                </c:pt>
                <c:pt idx="49">
                  <c:v>43605</c:v>
                </c:pt>
                <c:pt idx="50">
                  <c:v>43606</c:v>
                </c:pt>
                <c:pt idx="51">
                  <c:v>43607</c:v>
                </c:pt>
                <c:pt idx="52">
                  <c:v>43608</c:v>
                </c:pt>
                <c:pt idx="53">
                  <c:v>43609</c:v>
                </c:pt>
                <c:pt idx="54">
                  <c:v>43610</c:v>
                </c:pt>
                <c:pt idx="55">
                  <c:v>43611</c:v>
                </c:pt>
                <c:pt idx="56">
                  <c:v>43612</c:v>
                </c:pt>
              </c:numCache>
            </c:numRef>
          </c:cat>
          <c:val>
            <c:numRef>
              <c:f>'Converted to IR Collar'!$D$3:$D$59</c:f>
              <c:numCache>
                <c:formatCode>0.00%</c:formatCode>
                <c:ptCount val="57"/>
                <c:pt idx="0">
                  <c:v>2.2499999999999999E-2</c:v>
                </c:pt>
                <c:pt idx="1">
                  <c:v>2.2499999999999999E-2</c:v>
                </c:pt>
                <c:pt idx="2">
                  <c:v>2.2499999999999999E-2</c:v>
                </c:pt>
                <c:pt idx="3">
                  <c:v>2.2499999999999999E-2</c:v>
                </c:pt>
                <c:pt idx="4">
                  <c:v>2.2499999999999999E-2</c:v>
                </c:pt>
                <c:pt idx="5">
                  <c:v>2.2499999999999999E-2</c:v>
                </c:pt>
                <c:pt idx="6">
                  <c:v>2.2499999999999999E-2</c:v>
                </c:pt>
                <c:pt idx="7">
                  <c:v>2.2499999999999999E-2</c:v>
                </c:pt>
                <c:pt idx="8">
                  <c:v>2.2499999999999999E-2</c:v>
                </c:pt>
                <c:pt idx="9">
                  <c:v>2.2499999999999999E-2</c:v>
                </c:pt>
                <c:pt idx="10">
                  <c:v>2.2499999999999999E-2</c:v>
                </c:pt>
                <c:pt idx="11">
                  <c:v>2.2499999999999999E-2</c:v>
                </c:pt>
                <c:pt idx="12">
                  <c:v>2.2499999999999999E-2</c:v>
                </c:pt>
                <c:pt idx="13">
                  <c:v>2.2499999999999999E-2</c:v>
                </c:pt>
                <c:pt idx="14">
                  <c:v>2.2499999999999999E-2</c:v>
                </c:pt>
                <c:pt idx="15">
                  <c:v>2.2499999999999999E-2</c:v>
                </c:pt>
                <c:pt idx="16">
                  <c:v>2.2499999999999999E-2</c:v>
                </c:pt>
                <c:pt idx="17">
                  <c:v>2.2499999999999999E-2</c:v>
                </c:pt>
                <c:pt idx="18">
                  <c:v>2.2499999999999999E-2</c:v>
                </c:pt>
                <c:pt idx="19">
                  <c:v>2.2499999999999999E-2</c:v>
                </c:pt>
                <c:pt idx="20">
                  <c:v>2.2499999999999999E-2</c:v>
                </c:pt>
                <c:pt idx="21">
                  <c:v>2.2499999999999999E-2</c:v>
                </c:pt>
                <c:pt idx="22">
                  <c:v>2.2499999999999999E-2</c:v>
                </c:pt>
                <c:pt idx="23">
                  <c:v>2.2499999999999999E-2</c:v>
                </c:pt>
                <c:pt idx="24">
                  <c:v>2.2499999999999999E-2</c:v>
                </c:pt>
                <c:pt idx="25">
                  <c:v>2.2499999999999999E-2</c:v>
                </c:pt>
                <c:pt idx="26">
                  <c:v>2.2499999999999999E-2</c:v>
                </c:pt>
                <c:pt idx="27">
                  <c:v>2.2499999999999999E-2</c:v>
                </c:pt>
                <c:pt idx="28">
                  <c:v>2.2499999999999999E-2</c:v>
                </c:pt>
                <c:pt idx="29">
                  <c:v>2.2499999999999999E-2</c:v>
                </c:pt>
                <c:pt idx="30">
                  <c:v>2.2499999999999999E-2</c:v>
                </c:pt>
                <c:pt idx="31">
                  <c:v>2.2499999999999999E-2</c:v>
                </c:pt>
                <c:pt idx="32">
                  <c:v>2.2499999999999999E-2</c:v>
                </c:pt>
                <c:pt idx="33">
                  <c:v>2.2499999999999999E-2</c:v>
                </c:pt>
                <c:pt idx="34">
                  <c:v>2.2499999999999999E-2</c:v>
                </c:pt>
                <c:pt idx="35">
                  <c:v>2.2499999999999999E-2</c:v>
                </c:pt>
                <c:pt idx="36">
                  <c:v>2.2499999999999999E-2</c:v>
                </c:pt>
                <c:pt idx="37">
                  <c:v>2.2499999999999999E-2</c:v>
                </c:pt>
                <c:pt idx="38">
                  <c:v>2.2499999999999999E-2</c:v>
                </c:pt>
                <c:pt idx="39">
                  <c:v>2.2499999999999999E-2</c:v>
                </c:pt>
                <c:pt idx="40">
                  <c:v>2.2499999999999999E-2</c:v>
                </c:pt>
                <c:pt idx="41">
                  <c:v>2.2499999999999999E-2</c:v>
                </c:pt>
                <c:pt idx="42">
                  <c:v>2.2499999999999999E-2</c:v>
                </c:pt>
                <c:pt idx="43">
                  <c:v>2.2499999999999999E-2</c:v>
                </c:pt>
                <c:pt idx="44">
                  <c:v>2.2499999999999999E-2</c:v>
                </c:pt>
                <c:pt idx="45">
                  <c:v>2.2499999999999999E-2</c:v>
                </c:pt>
                <c:pt idx="46">
                  <c:v>2.2499999999999999E-2</c:v>
                </c:pt>
                <c:pt idx="47">
                  <c:v>2.2499999999999999E-2</c:v>
                </c:pt>
                <c:pt idx="48">
                  <c:v>2.2499999999999999E-2</c:v>
                </c:pt>
                <c:pt idx="49">
                  <c:v>2.2499999999999999E-2</c:v>
                </c:pt>
                <c:pt idx="50">
                  <c:v>2.2499999999999999E-2</c:v>
                </c:pt>
                <c:pt idx="51">
                  <c:v>2.2499999999999999E-2</c:v>
                </c:pt>
                <c:pt idx="52">
                  <c:v>2.2499999999999999E-2</c:v>
                </c:pt>
                <c:pt idx="53">
                  <c:v>2.2499999999999999E-2</c:v>
                </c:pt>
                <c:pt idx="54">
                  <c:v>2.2499999999999999E-2</c:v>
                </c:pt>
                <c:pt idx="55">
                  <c:v>2.2499999999999999E-2</c:v>
                </c:pt>
                <c:pt idx="56">
                  <c:v>2.2499999999999999E-2</c:v>
                </c:pt>
              </c:numCache>
            </c:numRef>
          </c:val>
          <c:smooth val="0"/>
          <c:extLst>
            <c:ext xmlns:c16="http://schemas.microsoft.com/office/drawing/2014/chart" uri="{C3380CC4-5D6E-409C-BE32-E72D297353CC}">
              <c16:uniqueId val="{00000001-7237-4D08-91E5-DA658A3E7B02}"/>
            </c:ext>
          </c:extLst>
        </c:ser>
        <c:ser>
          <c:idx val="3"/>
          <c:order val="2"/>
          <c:tx>
            <c:strRef>
              <c:f>'Converted to IR Collar'!$E$2</c:f>
              <c:strCache>
                <c:ptCount val="1"/>
                <c:pt idx="0">
                  <c:v>Floor Strike</c:v>
                </c:pt>
              </c:strCache>
            </c:strRef>
          </c:tx>
          <c:spPr>
            <a:ln w="28575" cap="rnd">
              <a:solidFill>
                <a:schemeClr val="accent3"/>
              </a:solidFill>
              <a:prstDash val="sysDot"/>
              <a:round/>
            </a:ln>
            <a:effectLst/>
          </c:spPr>
          <c:marker>
            <c:symbol val="none"/>
          </c:marker>
          <c:cat>
            <c:numRef>
              <c:f>'Converted to IR Collar'!$B$3:$B$59</c:f>
              <c:numCache>
                <c:formatCode>m/d/yyyy</c:formatCode>
                <c:ptCount val="57"/>
                <c:pt idx="0">
                  <c:v>43556</c:v>
                </c:pt>
                <c:pt idx="1">
                  <c:v>43557</c:v>
                </c:pt>
                <c:pt idx="2">
                  <c:v>43558</c:v>
                </c:pt>
                <c:pt idx="3">
                  <c:v>43559</c:v>
                </c:pt>
                <c:pt idx="4">
                  <c:v>43560</c:v>
                </c:pt>
                <c:pt idx="5">
                  <c:v>43561</c:v>
                </c:pt>
                <c:pt idx="6">
                  <c:v>43562</c:v>
                </c:pt>
                <c:pt idx="7">
                  <c:v>43563</c:v>
                </c:pt>
                <c:pt idx="8">
                  <c:v>43564</c:v>
                </c:pt>
                <c:pt idx="9">
                  <c:v>43565</c:v>
                </c:pt>
                <c:pt idx="10">
                  <c:v>43566</c:v>
                </c:pt>
                <c:pt idx="11">
                  <c:v>43567</c:v>
                </c:pt>
                <c:pt idx="12">
                  <c:v>43568</c:v>
                </c:pt>
                <c:pt idx="13">
                  <c:v>43569</c:v>
                </c:pt>
                <c:pt idx="14">
                  <c:v>43570</c:v>
                </c:pt>
                <c:pt idx="15">
                  <c:v>43571</c:v>
                </c:pt>
                <c:pt idx="16">
                  <c:v>43572</c:v>
                </c:pt>
                <c:pt idx="17">
                  <c:v>43573</c:v>
                </c:pt>
                <c:pt idx="18">
                  <c:v>43574</c:v>
                </c:pt>
                <c:pt idx="19">
                  <c:v>43575</c:v>
                </c:pt>
                <c:pt idx="20">
                  <c:v>43576</c:v>
                </c:pt>
                <c:pt idx="21">
                  <c:v>43577</c:v>
                </c:pt>
                <c:pt idx="22">
                  <c:v>43578</c:v>
                </c:pt>
                <c:pt idx="23">
                  <c:v>43579</c:v>
                </c:pt>
                <c:pt idx="24">
                  <c:v>43580</c:v>
                </c:pt>
                <c:pt idx="25">
                  <c:v>43581</c:v>
                </c:pt>
                <c:pt idx="26">
                  <c:v>43582</c:v>
                </c:pt>
                <c:pt idx="27">
                  <c:v>43583</c:v>
                </c:pt>
                <c:pt idx="28">
                  <c:v>43584</c:v>
                </c:pt>
                <c:pt idx="29">
                  <c:v>43585</c:v>
                </c:pt>
                <c:pt idx="30">
                  <c:v>43586</c:v>
                </c:pt>
                <c:pt idx="31">
                  <c:v>43587</c:v>
                </c:pt>
                <c:pt idx="32">
                  <c:v>43588</c:v>
                </c:pt>
                <c:pt idx="33">
                  <c:v>43589</c:v>
                </c:pt>
                <c:pt idx="34">
                  <c:v>43590</c:v>
                </c:pt>
                <c:pt idx="35">
                  <c:v>43591</c:v>
                </c:pt>
                <c:pt idx="36">
                  <c:v>43592</c:v>
                </c:pt>
                <c:pt idx="37">
                  <c:v>43593</c:v>
                </c:pt>
                <c:pt idx="38">
                  <c:v>43594</c:v>
                </c:pt>
                <c:pt idx="39">
                  <c:v>43595</c:v>
                </c:pt>
                <c:pt idx="40">
                  <c:v>43596</c:v>
                </c:pt>
                <c:pt idx="41">
                  <c:v>43597</c:v>
                </c:pt>
                <c:pt idx="42">
                  <c:v>43598</c:v>
                </c:pt>
                <c:pt idx="43">
                  <c:v>43599</c:v>
                </c:pt>
                <c:pt idx="44">
                  <c:v>43600</c:v>
                </c:pt>
                <c:pt idx="45">
                  <c:v>43601</c:v>
                </c:pt>
                <c:pt idx="46">
                  <c:v>43602</c:v>
                </c:pt>
                <c:pt idx="47">
                  <c:v>43603</c:v>
                </c:pt>
                <c:pt idx="48">
                  <c:v>43604</c:v>
                </c:pt>
                <c:pt idx="49">
                  <c:v>43605</c:v>
                </c:pt>
                <c:pt idx="50">
                  <c:v>43606</c:v>
                </c:pt>
                <c:pt idx="51">
                  <c:v>43607</c:v>
                </c:pt>
                <c:pt idx="52">
                  <c:v>43608</c:v>
                </c:pt>
                <c:pt idx="53">
                  <c:v>43609</c:v>
                </c:pt>
                <c:pt idx="54">
                  <c:v>43610</c:v>
                </c:pt>
                <c:pt idx="55">
                  <c:v>43611</c:v>
                </c:pt>
                <c:pt idx="56">
                  <c:v>43612</c:v>
                </c:pt>
              </c:numCache>
            </c:numRef>
          </c:cat>
          <c:val>
            <c:numRef>
              <c:f>'Converted to IR Collar'!$E$3:$E$59</c:f>
              <c:numCache>
                <c:formatCode>0.00%</c:formatCode>
                <c:ptCount val="57"/>
                <c:pt idx="0">
                  <c:v>2.2349999999999998E-2</c:v>
                </c:pt>
                <c:pt idx="1">
                  <c:v>2.2349999999999998E-2</c:v>
                </c:pt>
                <c:pt idx="2">
                  <c:v>2.2349999999999998E-2</c:v>
                </c:pt>
                <c:pt idx="3">
                  <c:v>2.2349999999999998E-2</c:v>
                </c:pt>
                <c:pt idx="4">
                  <c:v>2.2349999999999998E-2</c:v>
                </c:pt>
                <c:pt idx="5">
                  <c:v>2.2349999999999998E-2</c:v>
                </c:pt>
                <c:pt idx="6">
                  <c:v>2.2349999999999998E-2</c:v>
                </c:pt>
                <c:pt idx="7">
                  <c:v>2.2349999999999998E-2</c:v>
                </c:pt>
                <c:pt idx="8">
                  <c:v>2.2349999999999998E-2</c:v>
                </c:pt>
                <c:pt idx="9">
                  <c:v>2.2349999999999998E-2</c:v>
                </c:pt>
                <c:pt idx="10">
                  <c:v>2.2349999999999998E-2</c:v>
                </c:pt>
                <c:pt idx="11">
                  <c:v>2.2349999999999998E-2</c:v>
                </c:pt>
                <c:pt idx="12">
                  <c:v>2.2349999999999998E-2</c:v>
                </c:pt>
                <c:pt idx="13">
                  <c:v>2.2349999999999998E-2</c:v>
                </c:pt>
                <c:pt idx="14">
                  <c:v>2.2349999999999998E-2</c:v>
                </c:pt>
                <c:pt idx="15">
                  <c:v>2.2349999999999998E-2</c:v>
                </c:pt>
                <c:pt idx="16">
                  <c:v>2.2349999999999998E-2</c:v>
                </c:pt>
                <c:pt idx="17">
                  <c:v>2.2349999999999998E-2</c:v>
                </c:pt>
                <c:pt idx="18">
                  <c:v>2.2349999999999998E-2</c:v>
                </c:pt>
                <c:pt idx="19">
                  <c:v>2.2349999999999998E-2</c:v>
                </c:pt>
                <c:pt idx="20">
                  <c:v>2.2349999999999998E-2</c:v>
                </c:pt>
                <c:pt idx="21">
                  <c:v>2.2349999999999998E-2</c:v>
                </c:pt>
                <c:pt idx="22">
                  <c:v>2.2349999999999998E-2</c:v>
                </c:pt>
                <c:pt idx="23">
                  <c:v>2.2349999999999998E-2</c:v>
                </c:pt>
                <c:pt idx="24">
                  <c:v>2.2349999999999998E-2</c:v>
                </c:pt>
                <c:pt idx="25">
                  <c:v>2.2349999999999998E-2</c:v>
                </c:pt>
                <c:pt idx="26">
                  <c:v>2.2349999999999998E-2</c:v>
                </c:pt>
                <c:pt idx="27">
                  <c:v>2.2349999999999998E-2</c:v>
                </c:pt>
                <c:pt idx="28">
                  <c:v>2.2349999999999998E-2</c:v>
                </c:pt>
                <c:pt idx="29">
                  <c:v>2.2349999999999998E-2</c:v>
                </c:pt>
                <c:pt idx="30">
                  <c:v>2.2349999999999998E-2</c:v>
                </c:pt>
                <c:pt idx="31">
                  <c:v>2.2349999999999998E-2</c:v>
                </c:pt>
                <c:pt idx="32">
                  <c:v>2.2349999999999998E-2</c:v>
                </c:pt>
                <c:pt idx="33">
                  <c:v>2.2349999999999998E-2</c:v>
                </c:pt>
                <c:pt idx="34">
                  <c:v>2.2349999999999998E-2</c:v>
                </c:pt>
                <c:pt idx="35">
                  <c:v>2.2349999999999998E-2</c:v>
                </c:pt>
                <c:pt idx="36">
                  <c:v>2.2349999999999998E-2</c:v>
                </c:pt>
                <c:pt idx="37">
                  <c:v>2.2349999999999998E-2</c:v>
                </c:pt>
                <c:pt idx="38">
                  <c:v>2.2349999999999998E-2</c:v>
                </c:pt>
                <c:pt idx="39">
                  <c:v>2.2349999999999998E-2</c:v>
                </c:pt>
                <c:pt idx="40">
                  <c:v>2.2349999999999998E-2</c:v>
                </c:pt>
                <c:pt idx="41">
                  <c:v>2.2349999999999998E-2</c:v>
                </c:pt>
                <c:pt idx="42">
                  <c:v>2.2349999999999998E-2</c:v>
                </c:pt>
                <c:pt idx="43">
                  <c:v>2.2349999999999998E-2</c:v>
                </c:pt>
                <c:pt idx="44">
                  <c:v>2.2349999999999998E-2</c:v>
                </c:pt>
                <c:pt idx="45">
                  <c:v>2.2349999999999998E-2</c:v>
                </c:pt>
                <c:pt idx="46">
                  <c:v>2.2349999999999998E-2</c:v>
                </c:pt>
                <c:pt idx="47">
                  <c:v>2.2349999999999998E-2</c:v>
                </c:pt>
                <c:pt idx="48">
                  <c:v>2.2349999999999998E-2</c:v>
                </c:pt>
                <c:pt idx="49">
                  <c:v>2.2349999999999998E-2</c:v>
                </c:pt>
                <c:pt idx="50">
                  <c:v>2.2349999999999998E-2</c:v>
                </c:pt>
                <c:pt idx="51">
                  <c:v>2.2349999999999998E-2</c:v>
                </c:pt>
                <c:pt idx="52">
                  <c:v>2.2349999999999998E-2</c:v>
                </c:pt>
                <c:pt idx="53">
                  <c:v>2.2349999999999998E-2</c:v>
                </c:pt>
                <c:pt idx="54">
                  <c:v>2.2349999999999998E-2</c:v>
                </c:pt>
                <c:pt idx="55">
                  <c:v>2.2349999999999998E-2</c:v>
                </c:pt>
                <c:pt idx="56">
                  <c:v>2.2349999999999998E-2</c:v>
                </c:pt>
              </c:numCache>
            </c:numRef>
          </c:val>
          <c:smooth val="0"/>
          <c:extLst>
            <c:ext xmlns:c16="http://schemas.microsoft.com/office/drawing/2014/chart" uri="{C3380CC4-5D6E-409C-BE32-E72D297353CC}">
              <c16:uniqueId val="{00000002-7237-4D08-91E5-DA658A3E7B02}"/>
            </c:ext>
          </c:extLst>
        </c:ser>
        <c:ser>
          <c:idx val="1"/>
          <c:order val="3"/>
          <c:tx>
            <c:strRef>
              <c:f>'Converted to IR Collar'!$F$2</c:f>
              <c:strCache>
                <c:ptCount val="1"/>
                <c:pt idx="0">
                  <c:v>Realized Rate</c:v>
                </c:pt>
              </c:strCache>
            </c:strRef>
          </c:tx>
          <c:spPr>
            <a:ln w="28575" cap="rnd">
              <a:solidFill>
                <a:srgbClr val="8D0E57"/>
              </a:solidFill>
              <a:round/>
            </a:ln>
            <a:effectLst/>
          </c:spPr>
          <c:marker>
            <c:symbol val="none"/>
          </c:marker>
          <c:cat>
            <c:numRef>
              <c:f>'Converted to IR Collar'!$B$3:$B$59</c:f>
              <c:numCache>
                <c:formatCode>m/d/yyyy</c:formatCode>
                <c:ptCount val="57"/>
                <c:pt idx="0">
                  <c:v>43556</c:v>
                </c:pt>
                <c:pt idx="1">
                  <c:v>43557</c:v>
                </c:pt>
                <c:pt idx="2">
                  <c:v>43558</c:v>
                </c:pt>
                <c:pt idx="3">
                  <c:v>43559</c:v>
                </c:pt>
                <c:pt idx="4">
                  <c:v>43560</c:v>
                </c:pt>
                <c:pt idx="5">
                  <c:v>43561</c:v>
                </c:pt>
                <c:pt idx="6">
                  <c:v>43562</c:v>
                </c:pt>
                <c:pt idx="7">
                  <c:v>43563</c:v>
                </c:pt>
                <c:pt idx="8">
                  <c:v>43564</c:v>
                </c:pt>
                <c:pt idx="9">
                  <c:v>43565</c:v>
                </c:pt>
                <c:pt idx="10">
                  <c:v>43566</c:v>
                </c:pt>
                <c:pt idx="11">
                  <c:v>43567</c:v>
                </c:pt>
                <c:pt idx="12">
                  <c:v>43568</c:v>
                </c:pt>
                <c:pt idx="13">
                  <c:v>43569</c:v>
                </c:pt>
                <c:pt idx="14">
                  <c:v>43570</c:v>
                </c:pt>
                <c:pt idx="15">
                  <c:v>43571</c:v>
                </c:pt>
                <c:pt idx="16">
                  <c:v>43572</c:v>
                </c:pt>
                <c:pt idx="17">
                  <c:v>43573</c:v>
                </c:pt>
                <c:pt idx="18">
                  <c:v>43574</c:v>
                </c:pt>
                <c:pt idx="19">
                  <c:v>43575</c:v>
                </c:pt>
                <c:pt idx="20">
                  <c:v>43576</c:v>
                </c:pt>
                <c:pt idx="21">
                  <c:v>43577</c:v>
                </c:pt>
                <c:pt idx="22">
                  <c:v>43578</c:v>
                </c:pt>
                <c:pt idx="23">
                  <c:v>43579</c:v>
                </c:pt>
                <c:pt idx="24">
                  <c:v>43580</c:v>
                </c:pt>
                <c:pt idx="25">
                  <c:v>43581</c:v>
                </c:pt>
                <c:pt idx="26">
                  <c:v>43582</c:v>
                </c:pt>
                <c:pt idx="27">
                  <c:v>43583</c:v>
                </c:pt>
                <c:pt idx="28">
                  <c:v>43584</c:v>
                </c:pt>
                <c:pt idx="29">
                  <c:v>43585</c:v>
                </c:pt>
                <c:pt idx="30">
                  <c:v>43586</c:v>
                </c:pt>
                <c:pt idx="31">
                  <c:v>43587</c:v>
                </c:pt>
                <c:pt idx="32">
                  <c:v>43588</c:v>
                </c:pt>
                <c:pt idx="33">
                  <c:v>43589</c:v>
                </c:pt>
                <c:pt idx="34">
                  <c:v>43590</c:v>
                </c:pt>
                <c:pt idx="35">
                  <c:v>43591</c:v>
                </c:pt>
                <c:pt idx="36">
                  <c:v>43592</c:v>
                </c:pt>
                <c:pt idx="37">
                  <c:v>43593</c:v>
                </c:pt>
                <c:pt idx="38">
                  <c:v>43594</c:v>
                </c:pt>
                <c:pt idx="39">
                  <c:v>43595</c:v>
                </c:pt>
                <c:pt idx="40">
                  <c:v>43596</c:v>
                </c:pt>
                <c:pt idx="41">
                  <c:v>43597</c:v>
                </c:pt>
                <c:pt idx="42">
                  <c:v>43598</c:v>
                </c:pt>
                <c:pt idx="43">
                  <c:v>43599</c:v>
                </c:pt>
                <c:pt idx="44">
                  <c:v>43600</c:v>
                </c:pt>
                <c:pt idx="45">
                  <c:v>43601</c:v>
                </c:pt>
                <c:pt idx="46">
                  <c:v>43602</c:v>
                </c:pt>
                <c:pt idx="47">
                  <c:v>43603</c:v>
                </c:pt>
                <c:pt idx="48">
                  <c:v>43604</c:v>
                </c:pt>
                <c:pt idx="49">
                  <c:v>43605</c:v>
                </c:pt>
                <c:pt idx="50">
                  <c:v>43606</c:v>
                </c:pt>
                <c:pt idx="51">
                  <c:v>43607</c:v>
                </c:pt>
                <c:pt idx="52">
                  <c:v>43608</c:v>
                </c:pt>
                <c:pt idx="53">
                  <c:v>43609</c:v>
                </c:pt>
                <c:pt idx="54">
                  <c:v>43610</c:v>
                </c:pt>
                <c:pt idx="55">
                  <c:v>43611</c:v>
                </c:pt>
                <c:pt idx="56">
                  <c:v>43612</c:v>
                </c:pt>
              </c:numCache>
            </c:numRef>
          </c:cat>
          <c:val>
            <c:numRef>
              <c:f>'Converted to IR Collar'!$F$3:$F$59</c:f>
              <c:numCache>
                <c:formatCode>0.00%</c:formatCode>
                <c:ptCount val="57"/>
                <c:pt idx="0">
                  <c:v>2.2421000000000003E-2</c:v>
                </c:pt>
                <c:pt idx="1">
                  <c:v>2.2406000000000002E-2</c:v>
                </c:pt>
                <c:pt idx="2">
                  <c:v>2.2475000000000002E-2</c:v>
                </c:pt>
                <c:pt idx="3">
                  <c:v>2.2456E-2</c:v>
                </c:pt>
                <c:pt idx="4">
                  <c:v>2.2435E-2</c:v>
                </c:pt>
                <c:pt idx="5">
                  <c:v>2.2435E-2</c:v>
                </c:pt>
                <c:pt idx="6">
                  <c:v>2.2435E-2</c:v>
                </c:pt>
                <c:pt idx="7">
                  <c:v>2.2499999999999999E-2</c:v>
                </c:pt>
                <c:pt idx="8">
                  <c:v>2.2499999999999999E-2</c:v>
                </c:pt>
                <c:pt idx="9">
                  <c:v>2.2499999999999999E-2</c:v>
                </c:pt>
                <c:pt idx="10">
                  <c:v>2.2499999999999999E-2</c:v>
                </c:pt>
                <c:pt idx="11">
                  <c:v>2.2499999999999999E-2</c:v>
                </c:pt>
                <c:pt idx="12">
                  <c:v>2.2499999999999999E-2</c:v>
                </c:pt>
                <c:pt idx="13">
                  <c:v>2.2499999999999999E-2</c:v>
                </c:pt>
                <c:pt idx="14">
                  <c:v>2.2499999999999999E-2</c:v>
                </c:pt>
                <c:pt idx="15">
                  <c:v>2.2499999999999999E-2</c:v>
                </c:pt>
                <c:pt idx="16">
                  <c:v>2.2499999999999999E-2</c:v>
                </c:pt>
                <c:pt idx="17">
                  <c:v>2.2460000000000001E-2</c:v>
                </c:pt>
                <c:pt idx="18">
                  <c:v>2.2486000000000003E-2</c:v>
                </c:pt>
                <c:pt idx="19">
                  <c:v>2.2486000000000003E-2</c:v>
                </c:pt>
                <c:pt idx="20">
                  <c:v>2.2486000000000003E-2</c:v>
                </c:pt>
                <c:pt idx="21">
                  <c:v>2.2499999999999999E-2</c:v>
                </c:pt>
                <c:pt idx="22">
                  <c:v>2.2448000000000003E-2</c:v>
                </c:pt>
                <c:pt idx="23">
                  <c:v>2.2349999999999998E-2</c:v>
                </c:pt>
                <c:pt idx="24">
                  <c:v>2.2349999999999998E-2</c:v>
                </c:pt>
                <c:pt idx="25">
                  <c:v>2.2349999999999998E-2</c:v>
                </c:pt>
                <c:pt idx="26">
                  <c:v>2.2349999999999998E-2</c:v>
                </c:pt>
                <c:pt idx="27">
                  <c:v>2.2349999999999998E-2</c:v>
                </c:pt>
                <c:pt idx="28">
                  <c:v>2.2368000000000002E-2</c:v>
                </c:pt>
                <c:pt idx="29">
                  <c:v>2.2433000000000002E-2</c:v>
                </c:pt>
                <c:pt idx="30">
                  <c:v>2.2386E-2</c:v>
                </c:pt>
                <c:pt idx="31">
                  <c:v>2.2349999999999998E-2</c:v>
                </c:pt>
                <c:pt idx="32">
                  <c:v>2.2397999999999998E-2</c:v>
                </c:pt>
                <c:pt idx="33">
                  <c:v>2.2397999999999998E-2</c:v>
                </c:pt>
                <c:pt idx="34">
                  <c:v>2.2397999999999998E-2</c:v>
                </c:pt>
                <c:pt idx="35">
                  <c:v>2.2402000000000002E-2</c:v>
                </c:pt>
                <c:pt idx="36">
                  <c:v>2.2381999999999999E-2</c:v>
                </c:pt>
                <c:pt idx="37">
                  <c:v>2.2384000000000001E-2</c:v>
                </c:pt>
                <c:pt idx="38">
                  <c:v>2.2440999999999999E-2</c:v>
                </c:pt>
                <c:pt idx="39">
                  <c:v>2.2465000000000002E-2</c:v>
                </c:pt>
                <c:pt idx="40">
                  <c:v>2.2465000000000002E-2</c:v>
                </c:pt>
                <c:pt idx="41">
                  <c:v>2.2465000000000002E-2</c:v>
                </c:pt>
                <c:pt idx="42">
                  <c:v>2.2463E-2</c:v>
                </c:pt>
                <c:pt idx="43">
                  <c:v>2.2418999999999998E-2</c:v>
                </c:pt>
                <c:pt idx="44">
                  <c:v>2.2402999999999999E-2</c:v>
                </c:pt>
                <c:pt idx="45">
                  <c:v>2.2350999999999999E-2</c:v>
                </c:pt>
                <c:pt idx="46">
                  <c:v>2.2349999999999998E-2</c:v>
                </c:pt>
                <c:pt idx="47">
                  <c:v>2.2349999999999998E-2</c:v>
                </c:pt>
                <c:pt idx="48">
                  <c:v>2.2349999999999998E-2</c:v>
                </c:pt>
                <c:pt idx="49">
                  <c:v>2.2349999999999998E-2</c:v>
                </c:pt>
                <c:pt idx="50">
                  <c:v>2.2349999999999998E-2</c:v>
                </c:pt>
                <c:pt idx="51">
                  <c:v>2.2349999999999998E-2</c:v>
                </c:pt>
                <c:pt idx="52">
                  <c:v>2.2360999999999999E-2</c:v>
                </c:pt>
                <c:pt idx="53">
                  <c:v>2.2414E-2</c:v>
                </c:pt>
                <c:pt idx="54">
                  <c:v>2.2414E-2</c:v>
                </c:pt>
                <c:pt idx="55">
                  <c:v>2.2414E-2</c:v>
                </c:pt>
                <c:pt idx="56">
                  <c:v>2.2391000000000001E-2</c:v>
                </c:pt>
              </c:numCache>
            </c:numRef>
          </c:val>
          <c:smooth val="0"/>
          <c:extLst>
            <c:ext xmlns:c16="http://schemas.microsoft.com/office/drawing/2014/chart" uri="{C3380CC4-5D6E-409C-BE32-E72D297353CC}">
              <c16:uniqueId val="{00000003-7237-4D08-91E5-DA658A3E7B02}"/>
            </c:ext>
          </c:extLst>
        </c:ser>
        <c:dLbls>
          <c:showLegendKey val="0"/>
          <c:showVal val="0"/>
          <c:showCatName val="0"/>
          <c:showSerName val="0"/>
          <c:showPercent val="0"/>
          <c:showBubbleSize val="0"/>
        </c:dLbls>
        <c:smooth val="0"/>
        <c:axId val="374245944"/>
        <c:axId val="374240848"/>
      </c:lineChart>
      <c:dateAx>
        <c:axId val="374245944"/>
        <c:scaling>
          <c:orientation val="minMax"/>
        </c:scaling>
        <c:delete val="1"/>
        <c:axPos val="b"/>
        <c:numFmt formatCode="m/d/yyyy" sourceLinked="1"/>
        <c:majorTickMark val="none"/>
        <c:minorTickMark val="none"/>
        <c:tickLblPos val="none"/>
        <c:crossAx val="374240848"/>
        <c:crosses val="autoZero"/>
        <c:auto val="1"/>
        <c:lblOffset val="100"/>
        <c:baseTimeUnit val="days"/>
      </c:dateAx>
      <c:valAx>
        <c:axId val="374240848"/>
        <c:scaling>
          <c:orientation val="minMax"/>
        </c:scaling>
        <c:delete val="0"/>
        <c:axPos val="l"/>
        <c:numFmt formatCode="0.0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74245944"/>
        <c:crosses val="autoZero"/>
        <c:crossBetween val="between"/>
      </c:valAx>
      <c:spPr>
        <a:noFill/>
        <a:ln>
          <a:noFill/>
        </a:ln>
        <a:effectLst/>
      </c:spPr>
    </c:plotArea>
    <c:legend>
      <c:legendPos val="b"/>
      <c:layout>
        <c:manualLayout>
          <c:xMode val="edge"/>
          <c:yMode val="edge"/>
          <c:x val="8.1387278332204716E-2"/>
          <c:y val="0.89819358628330104"/>
          <c:w val="0.89999987642787593"/>
          <c:h val="6.6395648844177757E-2"/>
        </c:manualLayout>
      </c:layout>
      <c:overlay val="1"/>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solidFill>
        <a:srgbClr val="FFFFFF">
          <a:lumMod val="85000"/>
        </a:srgbClr>
      </a:solidFill>
    </a:ln>
    <a:effectLst/>
  </c:spPr>
  <c:txPr>
    <a:bodyPr/>
    <a:lstStyle/>
    <a:p>
      <a:pPr>
        <a:defRPr/>
      </a:pPr>
      <a:endParaRPr lang="en-US"/>
    </a:p>
  </c:txPr>
  <c:externalData r:id="rId4">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sz="1200" b="1">
                <a:solidFill>
                  <a:sysClr val="windowText" lastClr="000000"/>
                </a:solidFill>
              </a:rPr>
              <a:t>10y</a:t>
            </a:r>
            <a:r>
              <a:rPr lang="en-US" sz="1200" b="1" baseline="0">
                <a:solidFill>
                  <a:sysClr val="windowText" lastClr="000000"/>
                </a:solidFill>
              </a:rPr>
              <a:t> US Treasury</a:t>
            </a:r>
            <a:endParaRPr lang="en-US" sz="1200" b="1">
              <a:solidFill>
                <a:sysClr val="windowText" lastClr="000000"/>
              </a:solidFill>
            </a:endParaRP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9.0761592300962382E-2"/>
          <c:y val="0.29471584231745201"/>
          <c:w val="0.86242745911191299"/>
          <c:h val="0.59846284538746108"/>
        </c:manualLayout>
      </c:layout>
      <c:scatterChart>
        <c:scatterStyle val="lineMarker"/>
        <c:varyColors val="0"/>
        <c:ser>
          <c:idx val="0"/>
          <c:order val="0"/>
          <c:tx>
            <c:strRef>
              <c:f>Sheet1!$AM$31</c:f>
              <c:strCache>
                <c:ptCount val="1"/>
                <c:pt idx="0">
                  <c:v>10y UST</c:v>
                </c:pt>
              </c:strCache>
            </c:strRef>
          </c:tx>
          <c:spPr>
            <a:ln w="19050" cap="rnd">
              <a:solidFill>
                <a:schemeClr val="accent1"/>
              </a:solidFill>
              <a:round/>
            </a:ln>
            <a:effectLst/>
          </c:spPr>
          <c:marker>
            <c:symbol val="none"/>
          </c:marker>
          <c:xVal>
            <c:numRef>
              <c:f>Sheet1!$AL$32:$AL$2814</c:f>
              <c:numCache>
                <c:formatCode>m/d/yyyy</c:formatCode>
                <c:ptCount val="2783"/>
                <c:pt idx="0">
                  <c:v>45107</c:v>
                </c:pt>
                <c:pt idx="1">
                  <c:v>45077</c:v>
                </c:pt>
                <c:pt idx="2">
                  <c:v>45046</c:v>
                </c:pt>
                <c:pt idx="3">
                  <c:v>45016</c:v>
                </c:pt>
                <c:pt idx="4">
                  <c:v>44985</c:v>
                </c:pt>
                <c:pt idx="5">
                  <c:v>44957</c:v>
                </c:pt>
                <c:pt idx="6">
                  <c:v>44926</c:v>
                </c:pt>
                <c:pt idx="7">
                  <c:v>44895</c:v>
                </c:pt>
                <c:pt idx="8">
                  <c:v>44865</c:v>
                </c:pt>
                <c:pt idx="9">
                  <c:v>44834</c:v>
                </c:pt>
                <c:pt idx="10">
                  <c:v>44804</c:v>
                </c:pt>
                <c:pt idx="11">
                  <c:v>44773</c:v>
                </c:pt>
                <c:pt idx="12">
                  <c:v>44742</c:v>
                </c:pt>
                <c:pt idx="13">
                  <c:v>44687</c:v>
                </c:pt>
                <c:pt idx="14">
                  <c:v>44686</c:v>
                </c:pt>
                <c:pt idx="15">
                  <c:v>44685</c:v>
                </c:pt>
                <c:pt idx="16">
                  <c:v>44684</c:v>
                </c:pt>
                <c:pt idx="17">
                  <c:v>44683</c:v>
                </c:pt>
                <c:pt idx="18">
                  <c:v>44680</c:v>
                </c:pt>
                <c:pt idx="19">
                  <c:v>44679</c:v>
                </c:pt>
                <c:pt idx="20">
                  <c:v>44678</c:v>
                </c:pt>
                <c:pt idx="21">
                  <c:v>44677</c:v>
                </c:pt>
                <c:pt idx="22">
                  <c:v>44676</c:v>
                </c:pt>
                <c:pt idx="23">
                  <c:v>44673</c:v>
                </c:pt>
                <c:pt idx="24">
                  <c:v>44672</c:v>
                </c:pt>
                <c:pt idx="25">
                  <c:v>44671</c:v>
                </c:pt>
                <c:pt idx="26">
                  <c:v>44670</c:v>
                </c:pt>
                <c:pt idx="27">
                  <c:v>44669</c:v>
                </c:pt>
                <c:pt idx="28">
                  <c:v>44665</c:v>
                </c:pt>
                <c:pt idx="29">
                  <c:v>44664</c:v>
                </c:pt>
                <c:pt idx="30">
                  <c:v>44663</c:v>
                </c:pt>
                <c:pt idx="31">
                  <c:v>44662</c:v>
                </c:pt>
                <c:pt idx="32">
                  <c:v>44659</c:v>
                </c:pt>
                <c:pt idx="33">
                  <c:v>44658</c:v>
                </c:pt>
                <c:pt idx="34">
                  <c:v>44657</c:v>
                </c:pt>
                <c:pt idx="35">
                  <c:v>44656</c:v>
                </c:pt>
                <c:pt idx="36">
                  <c:v>44655</c:v>
                </c:pt>
                <c:pt idx="37">
                  <c:v>44652</c:v>
                </c:pt>
                <c:pt idx="38">
                  <c:v>44651</c:v>
                </c:pt>
                <c:pt idx="39">
                  <c:v>44650</c:v>
                </c:pt>
                <c:pt idx="40">
                  <c:v>44649</c:v>
                </c:pt>
                <c:pt idx="41">
                  <c:v>44648</c:v>
                </c:pt>
                <c:pt idx="42">
                  <c:v>44645</c:v>
                </c:pt>
                <c:pt idx="43">
                  <c:v>44644</c:v>
                </c:pt>
                <c:pt idx="44">
                  <c:v>44643</c:v>
                </c:pt>
                <c:pt idx="45">
                  <c:v>44642</c:v>
                </c:pt>
                <c:pt idx="46">
                  <c:v>44641</c:v>
                </c:pt>
                <c:pt idx="47">
                  <c:v>44638</c:v>
                </c:pt>
                <c:pt idx="48">
                  <c:v>44637</c:v>
                </c:pt>
                <c:pt idx="49">
                  <c:v>44636</c:v>
                </c:pt>
                <c:pt idx="50">
                  <c:v>44635</c:v>
                </c:pt>
                <c:pt idx="51">
                  <c:v>44634</c:v>
                </c:pt>
                <c:pt idx="52">
                  <c:v>44631</c:v>
                </c:pt>
                <c:pt idx="53">
                  <c:v>44630</c:v>
                </c:pt>
                <c:pt idx="54">
                  <c:v>44629</c:v>
                </c:pt>
                <c:pt idx="55">
                  <c:v>44628</c:v>
                </c:pt>
                <c:pt idx="56">
                  <c:v>44627</c:v>
                </c:pt>
                <c:pt idx="57">
                  <c:v>44624</c:v>
                </c:pt>
                <c:pt idx="58">
                  <c:v>44623</c:v>
                </c:pt>
                <c:pt idx="59">
                  <c:v>44622</c:v>
                </c:pt>
                <c:pt idx="60">
                  <c:v>44621</c:v>
                </c:pt>
                <c:pt idx="61">
                  <c:v>44620</c:v>
                </c:pt>
                <c:pt idx="62">
                  <c:v>44617</c:v>
                </c:pt>
                <c:pt idx="63">
                  <c:v>44616</c:v>
                </c:pt>
                <c:pt idx="64">
                  <c:v>44615</c:v>
                </c:pt>
                <c:pt idx="65">
                  <c:v>44614</c:v>
                </c:pt>
                <c:pt idx="66">
                  <c:v>44610</c:v>
                </c:pt>
                <c:pt idx="67">
                  <c:v>44609</c:v>
                </c:pt>
                <c:pt idx="68">
                  <c:v>44608</c:v>
                </c:pt>
                <c:pt idx="69">
                  <c:v>44607</c:v>
                </c:pt>
                <c:pt idx="70">
                  <c:v>44606</c:v>
                </c:pt>
                <c:pt idx="71">
                  <c:v>44603</c:v>
                </c:pt>
                <c:pt idx="72">
                  <c:v>44602</c:v>
                </c:pt>
                <c:pt idx="73">
                  <c:v>44601</c:v>
                </c:pt>
                <c:pt idx="74">
                  <c:v>44600</c:v>
                </c:pt>
                <c:pt idx="75">
                  <c:v>44599</c:v>
                </c:pt>
                <c:pt idx="76">
                  <c:v>44596</c:v>
                </c:pt>
                <c:pt idx="77">
                  <c:v>44595</c:v>
                </c:pt>
                <c:pt idx="78">
                  <c:v>44594</c:v>
                </c:pt>
                <c:pt idx="79">
                  <c:v>44593</c:v>
                </c:pt>
                <c:pt idx="80">
                  <c:v>44592</c:v>
                </c:pt>
                <c:pt idx="81">
                  <c:v>44589</c:v>
                </c:pt>
                <c:pt idx="82">
                  <c:v>44588</c:v>
                </c:pt>
                <c:pt idx="83">
                  <c:v>44587</c:v>
                </c:pt>
                <c:pt idx="84">
                  <c:v>44586</c:v>
                </c:pt>
                <c:pt idx="85">
                  <c:v>44585</c:v>
                </c:pt>
                <c:pt idx="86">
                  <c:v>44582</c:v>
                </c:pt>
                <c:pt idx="87">
                  <c:v>44581</c:v>
                </c:pt>
                <c:pt idx="88">
                  <c:v>44580</c:v>
                </c:pt>
                <c:pt idx="89">
                  <c:v>44579</c:v>
                </c:pt>
                <c:pt idx="90">
                  <c:v>44575</c:v>
                </c:pt>
                <c:pt idx="91">
                  <c:v>44574</c:v>
                </c:pt>
                <c:pt idx="92">
                  <c:v>44573</c:v>
                </c:pt>
                <c:pt idx="93">
                  <c:v>44572</c:v>
                </c:pt>
                <c:pt idx="94">
                  <c:v>44571</c:v>
                </c:pt>
                <c:pt idx="95">
                  <c:v>44568</c:v>
                </c:pt>
                <c:pt idx="96">
                  <c:v>44567</c:v>
                </c:pt>
                <c:pt idx="97">
                  <c:v>44566</c:v>
                </c:pt>
                <c:pt idx="98">
                  <c:v>44565</c:v>
                </c:pt>
                <c:pt idx="99">
                  <c:v>44564</c:v>
                </c:pt>
                <c:pt idx="100">
                  <c:v>44561</c:v>
                </c:pt>
                <c:pt idx="101">
                  <c:v>44560</c:v>
                </c:pt>
                <c:pt idx="102">
                  <c:v>44559</c:v>
                </c:pt>
                <c:pt idx="103">
                  <c:v>44558</c:v>
                </c:pt>
                <c:pt idx="104">
                  <c:v>44557</c:v>
                </c:pt>
                <c:pt idx="105">
                  <c:v>44553</c:v>
                </c:pt>
                <c:pt idx="106">
                  <c:v>44552</c:v>
                </c:pt>
                <c:pt idx="107">
                  <c:v>44551</c:v>
                </c:pt>
                <c:pt idx="108">
                  <c:v>44550</c:v>
                </c:pt>
                <c:pt idx="109">
                  <c:v>44547</c:v>
                </c:pt>
                <c:pt idx="110">
                  <c:v>44546</c:v>
                </c:pt>
                <c:pt idx="111">
                  <c:v>44545</c:v>
                </c:pt>
                <c:pt idx="112">
                  <c:v>44544</c:v>
                </c:pt>
                <c:pt idx="113">
                  <c:v>44543</c:v>
                </c:pt>
                <c:pt idx="114">
                  <c:v>44540</c:v>
                </c:pt>
                <c:pt idx="115">
                  <c:v>44539</c:v>
                </c:pt>
                <c:pt idx="116">
                  <c:v>44538</c:v>
                </c:pt>
                <c:pt idx="117">
                  <c:v>44537</c:v>
                </c:pt>
                <c:pt idx="118">
                  <c:v>44536</c:v>
                </c:pt>
                <c:pt idx="119">
                  <c:v>44533</c:v>
                </c:pt>
                <c:pt idx="120">
                  <c:v>44532</c:v>
                </c:pt>
                <c:pt idx="121">
                  <c:v>44531</c:v>
                </c:pt>
                <c:pt idx="122">
                  <c:v>44530</c:v>
                </c:pt>
                <c:pt idx="123">
                  <c:v>44529</c:v>
                </c:pt>
                <c:pt idx="124">
                  <c:v>44526</c:v>
                </c:pt>
                <c:pt idx="125">
                  <c:v>44524</c:v>
                </c:pt>
                <c:pt idx="126">
                  <c:v>44523</c:v>
                </c:pt>
                <c:pt idx="127">
                  <c:v>44522</c:v>
                </c:pt>
                <c:pt idx="128">
                  <c:v>44519</c:v>
                </c:pt>
                <c:pt idx="129">
                  <c:v>44518</c:v>
                </c:pt>
                <c:pt idx="130">
                  <c:v>44517</c:v>
                </c:pt>
                <c:pt idx="131">
                  <c:v>44516</c:v>
                </c:pt>
                <c:pt idx="132">
                  <c:v>44515</c:v>
                </c:pt>
                <c:pt idx="133">
                  <c:v>44512</c:v>
                </c:pt>
                <c:pt idx="134">
                  <c:v>44510</c:v>
                </c:pt>
                <c:pt idx="135">
                  <c:v>44509</c:v>
                </c:pt>
                <c:pt idx="136">
                  <c:v>44508</c:v>
                </c:pt>
                <c:pt idx="137">
                  <c:v>44505</c:v>
                </c:pt>
                <c:pt idx="138">
                  <c:v>44504</c:v>
                </c:pt>
                <c:pt idx="139">
                  <c:v>44503</c:v>
                </c:pt>
                <c:pt idx="140">
                  <c:v>44502</c:v>
                </c:pt>
                <c:pt idx="141">
                  <c:v>44501</c:v>
                </c:pt>
                <c:pt idx="142">
                  <c:v>44498</c:v>
                </c:pt>
                <c:pt idx="143">
                  <c:v>44497</c:v>
                </c:pt>
                <c:pt idx="144">
                  <c:v>44496</c:v>
                </c:pt>
                <c:pt idx="145">
                  <c:v>44495</c:v>
                </c:pt>
                <c:pt idx="146">
                  <c:v>44494</c:v>
                </c:pt>
                <c:pt idx="147">
                  <c:v>44491</c:v>
                </c:pt>
                <c:pt idx="148">
                  <c:v>44490</c:v>
                </c:pt>
                <c:pt idx="149">
                  <c:v>44489</c:v>
                </c:pt>
                <c:pt idx="150">
                  <c:v>44488</c:v>
                </c:pt>
                <c:pt idx="151">
                  <c:v>44487</c:v>
                </c:pt>
                <c:pt idx="152">
                  <c:v>44484</c:v>
                </c:pt>
                <c:pt idx="153">
                  <c:v>44483</c:v>
                </c:pt>
                <c:pt idx="154">
                  <c:v>44482</c:v>
                </c:pt>
                <c:pt idx="155">
                  <c:v>44481</c:v>
                </c:pt>
                <c:pt idx="156">
                  <c:v>44477</c:v>
                </c:pt>
                <c:pt idx="157">
                  <c:v>44476</c:v>
                </c:pt>
                <c:pt idx="158">
                  <c:v>44475</c:v>
                </c:pt>
                <c:pt idx="159">
                  <c:v>44474</c:v>
                </c:pt>
                <c:pt idx="160">
                  <c:v>44473</c:v>
                </c:pt>
                <c:pt idx="161">
                  <c:v>44470</c:v>
                </c:pt>
                <c:pt idx="162">
                  <c:v>44469</c:v>
                </c:pt>
                <c:pt idx="163">
                  <c:v>44468</c:v>
                </c:pt>
                <c:pt idx="164">
                  <c:v>44467</c:v>
                </c:pt>
                <c:pt idx="165">
                  <c:v>44466</c:v>
                </c:pt>
                <c:pt idx="166">
                  <c:v>44463</c:v>
                </c:pt>
                <c:pt idx="167">
                  <c:v>44462</c:v>
                </c:pt>
                <c:pt idx="168">
                  <c:v>44461</c:v>
                </c:pt>
                <c:pt idx="169">
                  <c:v>44460</c:v>
                </c:pt>
                <c:pt idx="170">
                  <c:v>44459</c:v>
                </c:pt>
                <c:pt idx="171">
                  <c:v>44456</c:v>
                </c:pt>
                <c:pt idx="172">
                  <c:v>44455</c:v>
                </c:pt>
                <c:pt idx="173">
                  <c:v>44454</c:v>
                </c:pt>
                <c:pt idx="174">
                  <c:v>44453</c:v>
                </c:pt>
                <c:pt idx="175">
                  <c:v>44452</c:v>
                </c:pt>
                <c:pt idx="176">
                  <c:v>44449</c:v>
                </c:pt>
                <c:pt idx="177">
                  <c:v>44448</c:v>
                </c:pt>
                <c:pt idx="178">
                  <c:v>44447</c:v>
                </c:pt>
                <c:pt idx="179">
                  <c:v>44446</c:v>
                </c:pt>
                <c:pt idx="180">
                  <c:v>44442</c:v>
                </c:pt>
                <c:pt idx="181">
                  <c:v>44441</c:v>
                </c:pt>
                <c:pt idx="182">
                  <c:v>44440</c:v>
                </c:pt>
                <c:pt idx="183">
                  <c:v>44439</c:v>
                </c:pt>
                <c:pt idx="184">
                  <c:v>44438</c:v>
                </c:pt>
                <c:pt idx="185">
                  <c:v>44435</c:v>
                </c:pt>
                <c:pt idx="186">
                  <c:v>44434</c:v>
                </c:pt>
                <c:pt idx="187">
                  <c:v>44433</c:v>
                </c:pt>
                <c:pt idx="188">
                  <c:v>44432</c:v>
                </c:pt>
                <c:pt idx="189">
                  <c:v>44431</c:v>
                </c:pt>
                <c:pt idx="190">
                  <c:v>44428</c:v>
                </c:pt>
                <c:pt idx="191">
                  <c:v>44427</c:v>
                </c:pt>
                <c:pt idx="192">
                  <c:v>44426</c:v>
                </c:pt>
                <c:pt idx="193">
                  <c:v>44425</c:v>
                </c:pt>
                <c:pt idx="194">
                  <c:v>44424</c:v>
                </c:pt>
                <c:pt idx="195">
                  <c:v>44421</c:v>
                </c:pt>
                <c:pt idx="196">
                  <c:v>44420</c:v>
                </c:pt>
                <c:pt idx="197">
                  <c:v>44419</c:v>
                </c:pt>
                <c:pt idx="198">
                  <c:v>44418</c:v>
                </c:pt>
                <c:pt idx="199">
                  <c:v>44417</c:v>
                </c:pt>
                <c:pt idx="200">
                  <c:v>44414</c:v>
                </c:pt>
                <c:pt idx="201">
                  <c:v>44413</c:v>
                </c:pt>
                <c:pt idx="202">
                  <c:v>44412</c:v>
                </c:pt>
                <c:pt idx="203">
                  <c:v>44411</c:v>
                </c:pt>
                <c:pt idx="204">
                  <c:v>44410</c:v>
                </c:pt>
                <c:pt idx="205">
                  <c:v>44407</c:v>
                </c:pt>
                <c:pt idx="206">
                  <c:v>44406</c:v>
                </c:pt>
                <c:pt idx="207">
                  <c:v>44405</c:v>
                </c:pt>
                <c:pt idx="208">
                  <c:v>44404</c:v>
                </c:pt>
                <c:pt idx="209">
                  <c:v>44403</c:v>
                </c:pt>
                <c:pt idx="210">
                  <c:v>44400</c:v>
                </c:pt>
                <c:pt idx="211">
                  <c:v>44399</c:v>
                </c:pt>
                <c:pt idx="212">
                  <c:v>44398</c:v>
                </c:pt>
                <c:pt idx="213">
                  <c:v>44397</c:v>
                </c:pt>
                <c:pt idx="214">
                  <c:v>44396</c:v>
                </c:pt>
                <c:pt idx="215">
                  <c:v>44393</c:v>
                </c:pt>
                <c:pt idx="216">
                  <c:v>44392</c:v>
                </c:pt>
                <c:pt idx="217">
                  <c:v>44391</c:v>
                </c:pt>
                <c:pt idx="218">
                  <c:v>44390</c:v>
                </c:pt>
                <c:pt idx="219">
                  <c:v>44389</c:v>
                </c:pt>
                <c:pt idx="220">
                  <c:v>44386</c:v>
                </c:pt>
                <c:pt idx="221">
                  <c:v>44385</c:v>
                </c:pt>
                <c:pt idx="222">
                  <c:v>44384</c:v>
                </c:pt>
                <c:pt idx="223">
                  <c:v>44383</c:v>
                </c:pt>
                <c:pt idx="224">
                  <c:v>44379</c:v>
                </c:pt>
                <c:pt idx="225">
                  <c:v>44378</c:v>
                </c:pt>
                <c:pt idx="226">
                  <c:v>44377</c:v>
                </c:pt>
                <c:pt idx="227">
                  <c:v>44376</c:v>
                </c:pt>
                <c:pt idx="228">
                  <c:v>44375</c:v>
                </c:pt>
                <c:pt idx="229">
                  <c:v>44372</c:v>
                </c:pt>
                <c:pt idx="230">
                  <c:v>44371</c:v>
                </c:pt>
                <c:pt idx="231">
                  <c:v>44370</c:v>
                </c:pt>
                <c:pt idx="232">
                  <c:v>44369</c:v>
                </c:pt>
                <c:pt idx="233">
                  <c:v>44368</c:v>
                </c:pt>
                <c:pt idx="234">
                  <c:v>44365</c:v>
                </c:pt>
                <c:pt idx="235">
                  <c:v>44364</c:v>
                </c:pt>
                <c:pt idx="236">
                  <c:v>44363</c:v>
                </c:pt>
                <c:pt idx="237">
                  <c:v>44362</c:v>
                </c:pt>
                <c:pt idx="238">
                  <c:v>44361</c:v>
                </c:pt>
                <c:pt idx="239">
                  <c:v>44358</c:v>
                </c:pt>
                <c:pt idx="240">
                  <c:v>44357</c:v>
                </c:pt>
                <c:pt idx="241">
                  <c:v>44356</c:v>
                </c:pt>
                <c:pt idx="242">
                  <c:v>44355</c:v>
                </c:pt>
                <c:pt idx="243">
                  <c:v>44354</c:v>
                </c:pt>
                <c:pt idx="244">
                  <c:v>44351</c:v>
                </c:pt>
                <c:pt idx="245">
                  <c:v>44350</c:v>
                </c:pt>
                <c:pt idx="246">
                  <c:v>44349</c:v>
                </c:pt>
                <c:pt idx="247">
                  <c:v>44348</c:v>
                </c:pt>
                <c:pt idx="248">
                  <c:v>44344</c:v>
                </c:pt>
                <c:pt idx="249">
                  <c:v>44343</c:v>
                </c:pt>
                <c:pt idx="250">
                  <c:v>44342</c:v>
                </c:pt>
                <c:pt idx="251">
                  <c:v>44341</c:v>
                </c:pt>
                <c:pt idx="252">
                  <c:v>44340</c:v>
                </c:pt>
                <c:pt idx="253">
                  <c:v>44337</c:v>
                </c:pt>
                <c:pt idx="254">
                  <c:v>44336</c:v>
                </c:pt>
                <c:pt idx="255">
                  <c:v>44335</c:v>
                </c:pt>
                <c:pt idx="256">
                  <c:v>44334</c:v>
                </c:pt>
                <c:pt idx="257">
                  <c:v>44333</c:v>
                </c:pt>
                <c:pt idx="258">
                  <c:v>44330</c:v>
                </c:pt>
                <c:pt idx="259">
                  <c:v>44329</c:v>
                </c:pt>
                <c:pt idx="260">
                  <c:v>44328</c:v>
                </c:pt>
                <c:pt idx="261">
                  <c:v>44327</c:v>
                </c:pt>
                <c:pt idx="262">
                  <c:v>44326</c:v>
                </c:pt>
                <c:pt idx="263">
                  <c:v>44323</c:v>
                </c:pt>
                <c:pt idx="264">
                  <c:v>44322</c:v>
                </c:pt>
                <c:pt idx="265">
                  <c:v>44321</c:v>
                </c:pt>
                <c:pt idx="266">
                  <c:v>44320</c:v>
                </c:pt>
                <c:pt idx="267">
                  <c:v>44319</c:v>
                </c:pt>
                <c:pt idx="268">
                  <c:v>44316</c:v>
                </c:pt>
                <c:pt idx="269">
                  <c:v>44315</c:v>
                </c:pt>
                <c:pt idx="270">
                  <c:v>44314</c:v>
                </c:pt>
                <c:pt idx="271">
                  <c:v>44313</c:v>
                </c:pt>
                <c:pt idx="272">
                  <c:v>44312</c:v>
                </c:pt>
                <c:pt idx="273">
                  <c:v>44309</c:v>
                </c:pt>
                <c:pt idx="274">
                  <c:v>44308</c:v>
                </c:pt>
                <c:pt idx="275">
                  <c:v>44307</c:v>
                </c:pt>
                <c:pt idx="276">
                  <c:v>44306</c:v>
                </c:pt>
                <c:pt idx="277">
                  <c:v>44305</c:v>
                </c:pt>
                <c:pt idx="278">
                  <c:v>44302</c:v>
                </c:pt>
                <c:pt idx="279">
                  <c:v>44301</c:v>
                </c:pt>
                <c:pt idx="280">
                  <c:v>44300</c:v>
                </c:pt>
                <c:pt idx="281">
                  <c:v>44299</c:v>
                </c:pt>
                <c:pt idx="282">
                  <c:v>44298</c:v>
                </c:pt>
                <c:pt idx="283">
                  <c:v>44295</c:v>
                </c:pt>
                <c:pt idx="284">
                  <c:v>44294</c:v>
                </c:pt>
                <c:pt idx="285">
                  <c:v>44293</c:v>
                </c:pt>
                <c:pt idx="286">
                  <c:v>44292</c:v>
                </c:pt>
                <c:pt idx="287">
                  <c:v>44291</c:v>
                </c:pt>
                <c:pt idx="288">
                  <c:v>44287</c:v>
                </c:pt>
                <c:pt idx="289">
                  <c:v>44286</c:v>
                </c:pt>
                <c:pt idx="290">
                  <c:v>44285</c:v>
                </c:pt>
                <c:pt idx="291">
                  <c:v>44284</c:v>
                </c:pt>
                <c:pt idx="292">
                  <c:v>44281</c:v>
                </c:pt>
                <c:pt idx="293">
                  <c:v>44280</c:v>
                </c:pt>
                <c:pt idx="294">
                  <c:v>44279</c:v>
                </c:pt>
                <c:pt idx="295">
                  <c:v>44278</c:v>
                </c:pt>
                <c:pt idx="296">
                  <c:v>44277</c:v>
                </c:pt>
                <c:pt idx="297">
                  <c:v>44274</c:v>
                </c:pt>
                <c:pt idx="298">
                  <c:v>44273</c:v>
                </c:pt>
                <c:pt idx="299">
                  <c:v>44272</c:v>
                </c:pt>
                <c:pt idx="300">
                  <c:v>44271</c:v>
                </c:pt>
                <c:pt idx="301">
                  <c:v>44270</c:v>
                </c:pt>
                <c:pt idx="302">
                  <c:v>44267</c:v>
                </c:pt>
                <c:pt idx="303">
                  <c:v>44266</c:v>
                </c:pt>
                <c:pt idx="304">
                  <c:v>44265</c:v>
                </c:pt>
                <c:pt idx="305">
                  <c:v>44264</c:v>
                </c:pt>
                <c:pt idx="306">
                  <c:v>44263</c:v>
                </c:pt>
                <c:pt idx="307">
                  <c:v>44260</c:v>
                </c:pt>
                <c:pt idx="308">
                  <c:v>44259</c:v>
                </c:pt>
                <c:pt idx="309">
                  <c:v>44258</c:v>
                </c:pt>
                <c:pt idx="310">
                  <c:v>44257</c:v>
                </c:pt>
                <c:pt idx="311">
                  <c:v>44256</c:v>
                </c:pt>
                <c:pt idx="312">
                  <c:v>44253</c:v>
                </c:pt>
                <c:pt idx="313">
                  <c:v>44252</c:v>
                </c:pt>
                <c:pt idx="314">
                  <c:v>44251</c:v>
                </c:pt>
                <c:pt idx="315">
                  <c:v>44250</c:v>
                </c:pt>
                <c:pt idx="316">
                  <c:v>44249</c:v>
                </c:pt>
                <c:pt idx="317">
                  <c:v>44246</c:v>
                </c:pt>
                <c:pt idx="318">
                  <c:v>44245</c:v>
                </c:pt>
                <c:pt idx="319">
                  <c:v>44244</c:v>
                </c:pt>
                <c:pt idx="320">
                  <c:v>44243</c:v>
                </c:pt>
                <c:pt idx="321">
                  <c:v>44239</c:v>
                </c:pt>
                <c:pt idx="322">
                  <c:v>44238</c:v>
                </c:pt>
                <c:pt idx="323">
                  <c:v>44237</c:v>
                </c:pt>
                <c:pt idx="324">
                  <c:v>44236</c:v>
                </c:pt>
                <c:pt idx="325">
                  <c:v>44235</c:v>
                </c:pt>
                <c:pt idx="326">
                  <c:v>44232</c:v>
                </c:pt>
                <c:pt idx="327">
                  <c:v>44231</c:v>
                </c:pt>
                <c:pt idx="328">
                  <c:v>44230</c:v>
                </c:pt>
                <c:pt idx="329">
                  <c:v>44229</c:v>
                </c:pt>
                <c:pt idx="330">
                  <c:v>44228</c:v>
                </c:pt>
                <c:pt idx="331">
                  <c:v>44225</c:v>
                </c:pt>
                <c:pt idx="332">
                  <c:v>44224</c:v>
                </c:pt>
                <c:pt idx="333">
                  <c:v>44223</c:v>
                </c:pt>
                <c:pt idx="334">
                  <c:v>44222</c:v>
                </c:pt>
                <c:pt idx="335">
                  <c:v>44221</c:v>
                </c:pt>
                <c:pt idx="336">
                  <c:v>44218</c:v>
                </c:pt>
                <c:pt idx="337">
                  <c:v>44217</c:v>
                </c:pt>
                <c:pt idx="338">
                  <c:v>44216</c:v>
                </c:pt>
                <c:pt idx="339">
                  <c:v>44215</c:v>
                </c:pt>
                <c:pt idx="340">
                  <c:v>44211</c:v>
                </c:pt>
                <c:pt idx="341">
                  <c:v>44210</c:v>
                </c:pt>
                <c:pt idx="342">
                  <c:v>44209</c:v>
                </c:pt>
                <c:pt idx="343">
                  <c:v>44208</c:v>
                </c:pt>
                <c:pt idx="344">
                  <c:v>44207</c:v>
                </c:pt>
                <c:pt idx="345">
                  <c:v>44204</c:v>
                </c:pt>
                <c:pt idx="346">
                  <c:v>44203</c:v>
                </c:pt>
                <c:pt idx="347">
                  <c:v>44202</c:v>
                </c:pt>
                <c:pt idx="348">
                  <c:v>44201</c:v>
                </c:pt>
                <c:pt idx="349">
                  <c:v>44200</c:v>
                </c:pt>
                <c:pt idx="350">
                  <c:v>44196</c:v>
                </c:pt>
                <c:pt idx="351">
                  <c:v>44195</c:v>
                </c:pt>
                <c:pt idx="352">
                  <c:v>44194</c:v>
                </c:pt>
                <c:pt idx="353">
                  <c:v>44193</c:v>
                </c:pt>
                <c:pt idx="354">
                  <c:v>44189</c:v>
                </c:pt>
                <c:pt idx="355">
                  <c:v>44188</c:v>
                </c:pt>
                <c:pt idx="356">
                  <c:v>44187</c:v>
                </c:pt>
                <c:pt idx="357">
                  <c:v>44186</c:v>
                </c:pt>
                <c:pt idx="358">
                  <c:v>44183</c:v>
                </c:pt>
                <c:pt idx="359">
                  <c:v>44182</c:v>
                </c:pt>
                <c:pt idx="360">
                  <c:v>44181</c:v>
                </c:pt>
                <c:pt idx="361">
                  <c:v>44180</c:v>
                </c:pt>
                <c:pt idx="362">
                  <c:v>44179</c:v>
                </c:pt>
                <c:pt idx="363">
                  <c:v>44176</c:v>
                </c:pt>
                <c:pt idx="364">
                  <c:v>44175</c:v>
                </c:pt>
                <c:pt idx="365">
                  <c:v>44174</c:v>
                </c:pt>
                <c:pt idx="366">
                  <c:v>44173</c:v>
                </c:pt>
                <c:pt idx="367">
                  <c:v>44172</c:v>
                </c:pt>
                <c:pt idx="368">
                  <c:v>44169</c:v>
                </c:pt>
                <c:pt idx="369">
                  <c:v>44168</c:v>
                </c:pt>
                <c:pt idx="370">
                  <c:v>44167</c:v>
                </c:pt>
                <c:pt idx="371">
                  <c:v>44166</c:v>
                </c:pt>
                <c:pt idx="372">
                  <c:v>44165</c:v>
                </c:pt>
                <c:pt idx="373">
                  <c:v>44162</c:v>
                </c:pt>
                <c:pt idx="374">
                  <c:v>44160</c:v>
                </c:pt>
                <c:pt idx="375">
                  <c:v>44159</c:v>
                </c:pt>
                <c:pt idx="376">
                  <c:v>44158</c:v>
                </c:pt>
                <c:pt idx="377">
                  <c:v>44155</c:v>
                </c:pt>
                <c:pt idx="378">
                  <c:v>44154</c:v>
                </c:pt>
                <c:pt idx="379">
                  <c:v>44153</c:v>
                </c:pt>
                <c:pt idx="380">
                  <c:v>44152</c:v>
                </c:pt>
                <c:pt idx="381">
                  <c:v>44151</c:v>
                </c:pt>
                <c:pt idx="382">
                  <c:v>44148</c:v>
                </c:pt>
                <c:pt idx="383">
                  <c:v>44147</c:v>
                </c:pt>
                <c:pt idx="384">
                  <c:v>44145</c:v>
                </c:pt>
                <c:pt idx="385">
                  <c:v>44144</c:v>
                </c:pt>
                <c:pt idx="386">
                  <c:v>44141</c:v>
                </c:pt>
                <c:pt idx="387">
                  <c:v>44140</c:v>
                </c:pt>
                <c:pt idx="388">
                  <c:v>44139</c:v>
                </c:pt>
                <c:pt idx="389">
                  <c:v>44138</c:v>
                </c:pt>
                <c:pt idx="390">
                  <c:v>44137</c:v>
                </c:pt>
                <c:pt idx="391">
                  <c:v>44134</c:v>
                </c:pt>
                <c:pt idx="392">
                  <c:v>44133</c:v>
                </c:pt>
                <c:pt idx="393">
                  <c:v>44132</c:v>
                </c:pt>
                <c:pt idx="394">
                  <c:v>44131</c:v>
                </c:pt>
                <c:pt idx="395">
                  <c:v>44130</c:v>
                </c:pt>
                <c:pt idx="396">
                  <c:v>44127</c:v>
                </c:pt>
                <c:pt idx="397">
                  <c:v>44126</c:v>
                </c:pt>
                <c:pt idx="398">
                  <c:v>44125</c:v>
                </c:pt>
                <c:pt idx="399">
                  <c:v>44124</c:v>
                </c:pt>
                <c:pt idx="400">
                  <c:v>44123</c:v>
                </c:pt>
                <c:pt idx="401">
                  <c:v>44120</c:v>
                </c:pt>
                <c:pt idx="402">
                  <c:v>44119</c:v>
                </c:pt>
                <c:pt idx="403">
                  <c:v>44118</c:v>
                </c:pt>
                <c:pt idx="404">
                  <c:v>44117</c:v>
                </c:pt>
                <c:pt idx="405">
                  <c:v>44113</c:v>
                </c:pt>
                <c:pt idx="406">
                  <c:v>44112</c:v>
                </c:pt>
                <c:pt idx="407">
                  <c:v>44111</c:v>
                </c:pt>
                <c:pt idx="408">
                  <c:v>44110</c:v>
                </c:pt>
                <c:pt idx="409">
                  <c:v>44109</c:v>
                </c:pt>
                <c:pt idx="410">
                  <c:v>44106</c:v>
                </c:pt>
                <c:pt idx="411">
                  <c:v>44105</c:v>
                </c:pt>
                <c:pt idx="412">
                  <c:v>44104</c:v>
                </c:pt>
                <c:pt idx="413">
                  <c:v>44103</c:v>
                </c:pt>
                <c:pt idx="414">
                  <c:v>44102</c:v>
                </c:pt>
                <c:pt idx="415">
                  <c:v>44099</c:v>
                </c:pt>
                <c:pt idx="416">
                  <c:v>44098</c:v>
                </c:pt>
                <c:pt idx="417">
                  <c:v>44097</c:v>
                </c:pt>
                <c:pt idx="418">
                  <c:v>44096</c:v>
                </c:pt>
                <c:pt idx="419">
                  <c:v>44095</c:v>
                </c:pt>
                <c:pt idx="420">
                  <c:v>44092</c:v>
                </c:pt>
                <c:pt idx="421">
                  <c:v>44091</c:v>
                </c:pt>
                <c:pt idx="422">
                  <c:v>44090</c:v>
                </c:pt>
                <c:pt idx="423">
                  <c:v>44089</c:v>
                </c:pt>
                <c:pt idx="424">
                  <c:v>44088</c:v>
                </c:pt>
                <c:pt idx="425">
                  <c:v>44085</c:v>
                </c:pt>
                <c:pt idx="426">
                  <c:v>44084</c:v>
                </c:pt>
                <c:pt idx="427">
                  <c:v>44083</c:v>
                </c:pt>
                <c:pt idx="428">
                  <c:v>44082</c:v>
                </c:pt>
                <c:pt idx="429">
                  <c:v>44078</c:v>
                </c:pt>
                <c:pt idx="430">
                  <c:v>44077</c:v>
                </c:pt>
                <c:pt idx="431">
                  <c:v>44076</c:v>
                </c:pt>
                <c:pt idx="432">
                  <c:v>44075</c:v>
                </c:pt>
                <c:pt idx="433">
                  <c:v>44074</c:v>
                </c:pt>
                <c:pt idx="434">
                  <c:v>44071</c:v>
                </c:pt>
                <c:pt idx="435">
                  <c:v>44070</c:v>
                </c:pt>
                <c:pt idx="436">
                  <c:v>44069</c:v>
                </c:pt>
                <c:pt idx="437">
                  <c:v>44068</c:v>
                </c:pt>
                <c:pt idx="438">
                  <c:v>44067</c:v>
                </c:pt>
                <c:pt idx="439">
                  <c:v>44064</c:v>
                </c:pt>
                <c:pt idx="440">
                  <c:v>44063</c:v>
                </c:pt>
                <c:pt idx="441">
                  <c:v>44062</c:v>
                </c:pt>
                <c:pt idx="442">
                  <c:v>44061</c:v>
                </c:pt>
                <c:pt idx="443">
                  <c:v>44060</c:v>
                </c:pt>
                <c:pt idx="444">
                  <c:v>44057</c:v>
                </c:pt>
                <c:pt idx="445">
                  <c:v>44056</c:v>
                </c:pt>
                <c:pt idx="446">
                  <c:v>44055</c:v>
                </c:pt>
                <c:pt idx="447">
                  <c:v>44054</c:v>
                </c:pt>
                <c:pt idx="448">
                  <c:v>44053</c:v>
                </c:pt>
                <c:pt idx="449">
                  <c:v>44050</c:v>
                </c:pt>
                <c:pt idx="450">
                  <c:v>44049</c:v>
                </c:pt>
                <c:pt idx="451">
                  <c:v>44048</c:v>
                </c:pt>
                <c:pt idx="452">
                  <c:v>44047</c:v>
                </c:pt>
                <c:pt idx="453">
                  <c:v>44046</c:v>
                </c:pt>
                <c:pt idx="454">
                  <c:v>44043</c:v>
                </c:pt>
                <c:pt idx="455">
                  <c:v>44042</c:v>
                </c:pt>
                <c:pt idx="456">
                  <c:v>44041</c:v>
                </c:pt>
                <c:pt idx="457">
                  <c:v>44040</c:v>
                </c:pt>
                <c:pt idx="458">
                  <c:v>44039</c:v>
                </c:pt>
                <c:pt idx="459">
                  <c:v>44036</c:v>
                </c:pt>
                <c:pt idx="460">
                  <c:v>44035</c:v>
                </c:pt>
                <c:pt idx="461">
                  <c:v>44034</c:v>
                </c:pt>
                <c:pt idx="462">
                  <c:v>44033</c:v>
                </c:pt>
                <c:pt idx="463">
                  <c:v>44032</c:v>
                </c:pt>
                <c:pt idx="464">
                  <c:v>44029</c:v>
                </c:pt>
                <c:pt idx="465">
                  <c:v>44028</c:v>
                </c:pt>
                <c:pt idx="466">
                  <c:v>44027</c:v>
                </c:pt>
                <c:pt idx="467">
                  <c:v>44026</c:v>
                </c:pt>
                <c:pt idx="468">
                  <c:v>44025</c:v>
                </c:pt>
                <c:pt idx="469">
                  <c:v>44022</c:v>
                </c:pt>
                <c:pt idx="470">
                  <c:v>44021</c:v>
                </c:pt>
                <c:pt idx="471">
                  <c:v>44020</c:v>
                </c:pt>
                <c:pt idx="472">
                  <c:v>44019</c:v>
                </c:pt>
                <c:pt idx="473">
                  <c:v>44018</c:v>
                </c:pt>
                <c:pt idx="474">
                  <c:v>44014</c:v>
                </c:pt>
                <c:pt idx="475">
                  <c:v>44013</c:v>
                </c:pt>
                <c:pt idx="476">
                  <c:v>44012</c:v>
                </c:pt>
                <c:pt idx="477">
                  <c:v>44011</c:v>
                </c:pt>
                <c:pt idx="478">
                  <c:v>44008</c:v>
                </c:pt>
                <c:pt idx="479">
                  <c:v>44007</c:v>
                </c:pt>
                <c:pt idx="480">
                  <c:v>44006</c:v>
                </c:pt>
                <c:pt idx="481">
                  <c:v>44005</c:v>
                </c:pt>
                <c:pt idx="482">
                  <c:v>44004</c:v>
                </c:pt>
                <c:pt idx="483">
                  <c:v>44001</c:v>
                </c:pt>
                <c:pt idx="484">
                  <c:v>44000</c:v>
                </c:pt>
                <c:pt idx="485">
                  <c:v>43999</c:v>
                </c:pt>
                <c:pt idx="486">
                  <c:v>43998</c:v>
                </c:pt>
                <c:pt idx="487">
                  <c:v>43997</c:v>
                </c:pt>
                <c:pt idx="488">
                  <c:v>43994</c:v>
                </c:pt>
                <c:pt idx="489">
                  <c:v>43993</c:v>
                </c:pt>
                <c:pt idx="490">
                  <c:v>43992</c:v>
                </c:pt>
                <c:pt idx="491">
                  <c:v>43991</c:v>
                </c:pt>
                <c:pt idx="492">
                  <c:v>43990</c:v>
                </c:pt>
                <c:pt idx="493">
                  <c:v>43987</c:v>
                </c:pt>
                <c:pt idx="494">
                  <c:v>43986</c:v>
                </c:pt>
                <c:pt idx="495">
                  <c:v>43985</c:v>
                </c:pt>
                <c:pt idx="496">
                  <c:v>43984</c:v>
                </c:pt>
                <c:pt idx="497">
                  <c:v>43983</c:v>
                </c:pt>
                <c:pt idx="498">
                  <c:v>43980</c:v>
                </c:pt>
                <c:pt idx="499">
                  <c:v>43979</c:v>
                </c:pt>
                <c:pt idx="500">
                  <c:v>43978</c:v>
                </c:pt>
                <c:pt idx="501">
                  <c:v>43977</c:v>
                </c:pt>
                <c:pt idx="502">
                  <c:v>43973</c:v>
                </c:pt>
                <c:pt idx="503">
                  <c:v>43972</c:v>
                </c:pt>
                <c:pt idx="504">
                  <c:v>43971</c:v>
                </c:pt>
                <c:pt idx="505">
                  <c:v>43970</c:v>
                </c:pt>
                <c:pt idx="506">
                  <c:v>43969</c:v>
                </c:pt>
                <c:pt idx="507">
                  <c:v>43966</c:v>
                </c:pt>
                <c:pt idx="508">
                  <c:v>43965</c:v>
                </c:pt>
                <c:pt idx="509">
                  <c:v>43964</c:v>
                </c:pt>
                <c:pt idx="510">
                  <c:v>43963</c:v>
                </c:pt>
                <c:pt idx="511">
                  <c:v>43962</c:v>
                </c:pt>
                <c:pt idx="512">
                  <c:v>43959</c:v>
                </c:pt>
                <c:pt idx="513">
                  <c:v>43958</c:v>
                </c:pt>
                <c:pt idx="514">
                  <c:v>43957</c:v>
                </c:pt>
                <c:pt idx="515">
                  <c:v>43956</c:v>
                </c:pt>
                <c:pt idx="516">
                  <c:v>43955</c:v>
                </c:pt>
                <c:pt idx="517">
                  <c:v>43952</c:v>
                </c:pt>
                <c:pt idx="518">
                  <c:v>43951</c:v>
                </c:pt>
                <c:pt idx="519">
                  <c:v>43950</c:v>
                </c:pt>
                <c:pt idx="520">
                  <c:v>43949</c:v>
                </c:pt>
                <c:pt idx="521">
                  <c:v>43948</c:v>
                </c:pt>
                <c:pt idx="522">
                  <c:v>43945</c:v>
                </c:pt>
                <c:pt idx="523">
                  <c:v>43944</c:v>
                </c:pt>
                <c:pt idx="524">
                  <c:v>43943</c:v>
                </c:pt>
                <c:pt idx="525">
                  <c:v>43942</c:v>
                </c:pt>
                <c:pt idx="526">
                  <c:v>43941</c:v>
                </c:pt>
                <c:pt idx="527">
                  <c:v>43938</c:v>
                </c:pt>
                <c:pt idx="528">
                  <c:v>43937</c:v>
                </c:pt>
                <c:pt idx="529">
                  <c:v>43936</c:v>
                </c:pt>
                <c:pt idx="530">
                  <c:v>43935</c:v>
                </c:pt>
                <c:pt idx="531">
                  <c:v>43934</c:v>
                </c:pt>
                <c:pt idx="532">
                  <c:v>43930</c:v>
                </c:pt>
                <c:pt idx="533">
                  <c:v>43929</c:v>
                </c:pt>
                <c:pt idx="534">
                  <c:v>43928</c:v>
                </c:pt>
                <c:pt idx="535">
                  <c:v>43927</c:v>
                </c:pt>
                <c:pt idx="536">
                  <c:v>43924</c:v>
                </c:pt>
                <c:pt idx="537">
                  <c:v>43923</c:v>
                </c:pt>
                <c:pt idx="538">
                  <c:v>43922</c:v>
                </c:pt>
                <c:pt idx="539">
                  <c:v>43921</c:v>
                </c:pt>
                <c:pt idx="540">
                  <c:v>43920</c:v>
                </c:pt>
                <c:pt idx="541">
                  <c:v>43917</c:v>
                </c:pt>
                <c:pt idx="542">
                  <c:v>43916</c:v>
                </c:pt>
                <c:pt idx="543">
                  <c:v>43915</c:v>
                </c:pt>
                <c:pt idx="544">
                  <c:v>43914</c:v>
                </c:pt>
                <c:pt idx="545">
                  <c:v>43913</c:v>
                </c:pt>
                <c:pt idx="546">
                  <c:v>43910</c:v>
                </c:pt>
                <c:pt idx="547">
                  <c:v>43909</c:v>
                </c:pt>
                <c:pt idx="548">
                  <c:v>43908</c:v>
                </c:pt>
                <c:pt idx="549">
                  <c:v>43907</c:v>
                </c:pt>
                <c:pt idx="550">
                  <c:v>43906</c:v>
                </c:pt>
                <c:pt idx="551">
                  <c:v>43903</c:v>
                </c:pt>
                <c:pt idx="552">
                  <c:v>43902</c:v>
                </c:pt>
                <c:pt idx="553">
                  <c:v>43901</c:v>
                </c:pt>
                <c:pt idx="554">
                  <c:v>43900</c:v>
                </c:pt>
                <c:pt idx="555">
                  <c:v>43899</c:v>
                </c:pt>
                <c:pt idx="556">
                  <c:v>43896</c:v>
                </c:pt>
                <c:pt idx="557">
                  <c:v>43895</c:v>
                </c:pt>
                <c:pt idx="558">
                  <c:v>43894</c:v>
                </c:pt>
                <c:pt idx="559">
                  <c:v>43893</c:v>
                </c:pt>
                <c:pt idx="560">
                  <c:v>43892</c:v>
                </c:pt>
                <c:pt idx="561">
                  <c:v>43889</c:v>
                </c:pt>
                <c:pt idx="562">
                  <c:v>43888</c:v>
                </c:pt>
                <c:pt idx="563">
                  <c:v>43887</c:v>
                </c:pt>
                <c:pt idx="564">
                  <c:v>43886</c:v>
                </c:pt>
                <c:pt idx="565">
                  <c:v>43885</c:v>
                </c:pt>
                <c:pt idx="566">
                  <c:v>43882</c:v>
                </c:pt>
                <c:pt idx="567">
                  <c:v>43881</c:v>
                </c:pt>
                <c:pt idx="568">
                  <c:v>43880</c:v>
                </c:pt>
                <c:pt idx="569">
                  <c:v>43879</c:v>
                </c:pt>
                <c:pt idx="570">
                  <c:v>43875</c:v>
                </c:pt>
                <c:pt idx="571">
                  <c:v>43874</c:v>
                </c:pt>
                <c:pt idx="572">
                  <c:v>43873</c:v>
                </c:pt>
                <c:pt idx="573">
                  <c:v>43872</c:v>
                </c:pt>
                <c:pt idx="574">
                  <c:v>43871</c:v>
                </c:pt>
                <c:pt idx="575">
                  <c:v>43868</c:v>
                </c:pt>
                <c:pt idx="576">
                  <c:v>43867</c:v>
                </c:pt>
                <c:pt idx="577">
                  <c:v>43866</c:v>
                </c:pt>
                <c:pt idx="578">
                  <c:v>43865</c:v>
                </c:pt>
                <c:pt idx="579">
                  <c:v>43864</c:v>
                </c:pt>
                <c:pt idx="580">
                  <c:v>43861</c:v>
                </c:pt>
                <c:pt idx="581">
                  <c:v>43860</c:v>
                </c:pt>
                <c:pt idx="582">
                  <c:v>43859</c:v>
                </c:pt>
                <c:pt idx="583">
                  <c:v>43858</c:v>
                </c:pt>
                <c:pt idx="584">
                  <c:v>43857</c:v>
                </c:pt>
                <c:pt idx="585">
                  <c:v>43854</c:v>
                </c:pt>
                <c:pt idx="586">
                  <c:v>43853</c:v>
                </c:pt>
                <c:pt idx="587">
                  <c:v>43852</c:v>
                </c:pt>
                <c:pt idx="588">
                  <c:v>43851</c:v>
                </c:pt>
                <c:pt idx="589">
                  <c:v>43847</c:v>
                </c:pt>
                <c:pt idx="590">
                  <c:v>43846</c:v>
                </c:pt>
                <c:pt idx="591">
                  <c:v>43845</c:v>
                </c:pt>
                <c:pt idx="592">
                  <c:v>43844</c:v>
                </c:pt>
                <c:pt idx="593">
                  <c:v>43843</c:v>
                </c:pt>
                <c:pt idx="594">
                  <c:v>43840</c:v>
                </c:pt>
                <c:pt idx="595">
                  <c:v>43839</c:v>
                </c:pt>
                <c:pt idx="596">
                  <c:v>43838</c:v>
                </c:pt>
                <c:pt idx="597">
                  <c:v>43837</c:v>
                </c:pt>
                <c:pt idx="598">
                  <c:v>43836</c:v>
                </c:pt>
                <c:pt idx="599">
                  <c:v>43833</c:v>
                </c:pt>
                <c:pt idx="600">
                  <c:v>43832</c:v>
                </c:pt>
                <c:pt idx="601">
                  <c:v>43830</c:v>
                </c:pt>
                <c:pt idx="602">
                  <c:v>43829</c:v>
                </c:pt>
                <c:pt idx="603">
                  <c:v>43826</c:v>
                </c:pt>
                <c:pt idx="604">
                  <c:v>43825</c:v>
                </c:pt>
                <c:pt idx="605">
                  <c:v>43823</c:v>
                </c:pt>
                <c:pt idx="606">
                  <c:v>43822</c:v>
                </c:pt>
                <c:pt idx="607">
                  <c:v>43819</c:v>
                </c:pt>
                <c:pt idx="608">
                  <c:v>43818</c:v>
                </c:pt>
                <c:pt idx="609">
                  <c:v>43817</c:v>
                </c:pt>
                <c:pt idx="610">
                  <c:v>43816</c:v>
                </c:pt>
                <c:pt idx="611">
                  <c:v>43815</c:v>
                </c:pt>
                <c:pt idx="612">
                  <c:v>43812</c:v>
                </c:pt>
                <c:pt idx="613">
                  <c:v>43811</c:v>
                </c:pt>
                <c:pt idx="614">
                  <c:v>43810</c:v>
                </c:pt>
                <c:pt idx="615">
                  <c:v>43809</c:v>
                </c:pt>
                <c:pt idx="616">
                  <c:v>43808</c:v>
                </c:pt>
                <c:pt idx="617">
                  <c:v>43805</c:v>
                </c:pt>
                <c:pt idx="618">
                  <c:v>43804</c:v>
                </c:pt>
                <c:pt idx="619">
                  <c:v>43803</c:v>
                </c:pt>
                <c:pt idx="620">
                  <c:v>43802</c:v>
                </c:pt>
                <c:pt idx="621">
                  <c:v>43801</c:v>
                </c:pt>
                <c:pt idx="622">
                  <c:v>43798</c:v>
                </c:pt>
                <c:pt idx="623">
                  <c:v>43796</c:v>
                </c:pt>
                <c:pt idx="624">
                  <c:v>43795</c:v>
                </c:pt>
                <c:pt idx="625">
                  <c:v>43794</c:v>
                </c:pt>
                <c:pt idx="626">
                  <c:v>43791</c:v>
                </c:pt>
                <c:pt idx="627">
                  <c:v>43790</c:v>
                </c:pt>
                <c:pt idx="628">
                  <c:v>43789</c:v>
                </c:pt>
                <c:pt idx="629">
                  <c:v>43788</c:v>
                </c:pt>
                <c:pt idx="630">
                  <c:v>43787</c:v>
                </c:pt>
                <c:pt idx="631">
                  <c:v>43784</c:v>
                </c:pt>
                <c:pt idx="632">
                  <c:v>43783</c:v>
                </c:pt>
                <c:pt idx="633">
                  <c:v>43782</c:v>
                </c:pt>
                <c:pt idx="634">
                  <c:v>43781</c:v>
                </c:pt>
                <c:pt idx="635">
                  <c:v>43777</c:v>
                </c:pt>
                <c:pt idx="636">
                  <c:v>43776</c:v>
                </c:pt>
                <c:pt idx="637">
                  <c:v>43775</c:v>
                </c:pt>
                <c:pt idx="638">
                  <c:v>43774</c:v>
                </c:pt>
                <c:pt idx="639">
                  <c:v>43773</c:v>
                </c:pt>
                <c:pt idx="640">
                  <c:v>43770</c:v>
                </c:pt>
                <c:pt idx="641">
                  <c:v>43769</c:v>
                </c:pt>
                <c:pt idx="642">
                  <c:v>43768</c:v>
                </c:pt>
                <c:pt idx="643">
                  <c:v>43767</c:v>
                </c:pt>
                <c:pt idx="644">
                  <c:v>43766</c:v>
                </c:pt>
                <c:pt idx="645">
                  <c:v>43763</c:v>
                </c:pt>
                <c:pt idx="646">
                  <c:v>43762</c:v>
                </c:pt>
                <c:pt idx="647">
                  <c:v>43761</c:v>
                </c:pt>
                <c:pt idx="648">
                  <c:v>43760</c:v>
                </c:pt>
                <c:pt idx="649">
                  <c:v>43759</c:v>
                </c:pt>
                <c:pt idx="650">
                  <c:v>43756</c:v>
                </c:pt>
                <c:pt idx="651">
                  <c:v>43755</c:v>
                </c:pt>
                <c:pt idx="652">
                  <c:v>43754</c:v>
                </c:pt>
                <c:pt idx="653">
                  <c:v>43753</c:v>
                </c:pt>
                <c:pt idx="654">
                  <c:v>43749</c:v>
                </c:pt>
                <c:pt idx="655">
                  <c:v>43748</c:v>
                </c:pt>
                <c:pt idx="656">
                  <c:v>43747</c:v>
                </c:pt>
                <c:pt idx="657">
                  <c:v>43746</c:v>
                </c:pt>
                <c:pt idx="658">
                  <c:v>43745</c:v>
                </c:pt>
                <c:pt idx="659">
                  <c:v>43742</c:v>
                </c:pt>
                <c:pt idx="660">
                  <c:v>43741</c:v>
                </c:pt>
                <c:pt idx="661">
                  <c:v>43740</c:v>
                </c:pt>
                <c:pt idx="662">
                  <c:v>43739</c:v>
                </c:pt>
                <c:pt idx="663">
                  <c:v>43738</c:v>
                </c:pt>
                <c:pt idx="664">
                  <c:v>43735</c:v>
                </c:pt>
                <c:pt idx="665">
                  <c:v>43734</c:v>
                </c:pt>
                <c:pt idx="666">
                  <c:v>43733</c:v>
                </c:pt>
                <c:pt idx="667">
                  <c:v>43732</c:v>
                </c:pt>
                <c:pt idx="668">
                  <c:v>43731</c:v>
                </c:pt>
                <c:pt idx="669">
                  <c:v>43728</c:v>
                </c:pt>
                <c:pt idx="670">
                  <c:v>43727</c:v>
                </c:pt>
                <c:pt idx="671">
                  <c:v>43726</c:v>
                </c:pt>
                <c:pt idx="672">
                  <c:v>43725</c:v>
                </c:pt>
                <c:pt idx="673">
                  <c:v>43724</c:v>
                </c:pt>
                <c:pt idx="674">
                  <c:v>43721</c:v>
                </c:pt>
                <c:pt idx="675">
                  <c:v>43720</c:v>
                </c:pt>
                <c:pt idx="676">
                  <c:v>43719</c:v>
                </c:pt>
                <c:pt idx="677">
                  <c:v>43718</c:v>
                </c:pt>
                <c:pt idx="678">
                  <c:v>43717</c:v>
                </c:pt>
                <c:pt idx="679">
                  <c:v>43714</c:v>
                </c:pt>
                <c:pt idx="680">
                  <c:v>43713</c:v>
                </c:pt>
                <c:pt idx="681">
                  <c:v>43712</c:v>
                </c:pt>
                <c:pt idx="682">
                  <c:v>43711</c:v>
                </c:pt>
                <c:pt idx="683">
                  <c:v>43707</c:v>
                </c:pt>
                <c:pt idx="684">
                  <c:v>43706</c:v>
                </c:pt>
                <c:pt idx="685">
                  <c:v>43705</c:v>
                </c:pt>
                <c:pt idx="686">
                  <c:v>43704</c:v>
                </c:pt>
                <c:pt idx="687">
                  <c:v>43703</c:v>
                </c:pt>
                <c:pt idx="688">
                  <c:v>43700</c:v>
                </c:pt>
                <c:pt idx="689">
                  <c:v>43699</c:v>
                </c:pt>
                <c:pt idx="690">
                  <c:v>43698</c:v>
                </c:pt>
                <c:pt idx="691">
                  <c:v>43697</c:v>
                </c:pt>
                <c:pt idx="692">
                  <c:v>43696</c:v>
                </c:pt>
                <c:pt idx="693">
                  <c:v>43693</c:v>
                </c:pt>
                <c:pt idx="694">
                  <c:v>43692</c:v>
                </c:pt>
                <c:pt idx="695">
                  <c:v>43691</c:v>
                </c:pt>
                <c:pt idx="696">
                  <c:v>43690</c:v>
                </c:pt>
                <c:pt idx="697">
                  <c:v>43689</c:v>
                </c:pt>
                <c:pt idx="698">
                  <c:v>43686</c:v>
                </c:pt>
                <c:pt idx="699">
                  <c:v>43685</c:v>
                </c:pt>
                <c:pt idx="700">
                  <c:v>43684</c:v>
                </c:pt>
                <c:pt idx="701">
                  <c:v>43683</c:v>
                </c:pt>
                <c:pt idx="702">
                  <c:v>43682</c:v>
                </c:pt>
                <c:pt idx="703">
                  <c:v>43679</c:v>
                </c:pt>
                <c:pt idx="704">
                  <c:v>43678</c:v>
                </c:pt>
                <c:pt idx="705">
                  <c:v>43677</c:v>
                </c:pt>
                <c:pt idx="706">
                  <c:v>43676</c:v>
                </c:pt>
                <c:pt idx="707">
                  <c:v>43675</c:v>
                </c:pt>
                <c:pt idx="708">
                  <c:v>43672</c:v>
                </c:pt>
                <c:pt idx="709">
                  <c:v>43671</c:v>
                </c:pt>
                <c:pt idx="710">
                  <c:v>43670</c:v>
                </c:pt>
                <c:pt idx="711">
                  <c:v>43669</c:v>
                </c:pt>
                <c:pt idx="712">
                  <c:v>43668</c:v>
                </c:pt>
                <c:pt idx="713">
                  <c:v>43665</c:v>
                </c:pt>
                <c:pt idx="714">
                  <c:v>43664</c:v>
                </c:pt>
                <c:pt idx="715">
                  <c:v>43663</c:v>
                </c:pt>
                <c:pt idx="716">
                  <c:v>43662</c:v>
                </c:pt>
                <c:pt idx="717">
                  <c:v>43661</c:v>
                </c:pt>
                <c:pt idx="718">
                  <c:v>43658</c:v>
                </c:pt>
                <c:pt idx="719">
                  <c:v>43657</c:v>
                </c:pt>
                <c:pt idx="720">
                  <c:v>43656</c:v>
                </c:pt>
                <c:pt idx="721">
                  <c:v>43655</c:v>
                </c:pt>
                <c:pt idx="722">
                  <c:v>43654</c:v>
                </c:pt>
                <c:pt idx="723">
                  <c:v>43651</c:v>
                </c:pt>
                <c:pt idx="724">
                  <c:v>43649</c:v>
                </c:pt>
                <c:pt idx="725">
                  <c:v>43648</c:v>
                </c:pt>
                <c:pt idx="726">
                  <c:v>43647</c:v>
                </c:pt>
                <c:pt idx="727">
                  <c:v>43644</c:v>
                </c:pt>
                <c:pt idx="728">
                  <c:v>43643</c:v>
                </c:pt>
                <c:pt idx="729">
                  <c:v>43642</c:v>
                </c:pt>
                <c:pt idx="730">
                  <c:v>43641</c:v>
                </c:pt>
                <c:pt idx="731">
                  <c:v>43640</c:v>
                </c:pt>
                <c:pt idx="732">
                  <c:v>43637</c:v>
                </c:pt>
                <c:pt idx="733">
                  <c:v>43636</c:v>
                </c:pt>
                <c:pt idx="734">
                  <c:v>43635</c:v>
                </c:pt>
                <c:pt idx="735">
                  <c:v>43634</c:v>
                </c:pt>
                <c:pt idx="736">
                  <c:v>43633</c:v>
                </c:pt>
                <c:pt idx="737">
                  <c:v>43630</c:v>
                </c:pt>
                <c:pt idx="738">
                  <c:v>43629</c:v>
                </c:pt>
                <c:pt idx="739">
                  <c:v>43628</c:v>
                </c:pt>
                <c:pt idx="740">
                  <c:v>43627</c:v>
                </c:pt>
                <c:pt idx="741">
                  <c:v>43626</c:v>
                </c:pt>
                <c:pt idx="742">
                  <c:v>43623</c:v>
                </c:pt>
                <c:pt idx="743">
                  <c:v>43622</c:v>
                </c:pt>
                <c:pt idx="744">
                  <c:v>43621</c:v>
                </c:pt>
                <c:pt idx="745">
                  <c:v>43620</c:v>
                </c:pt>
                <c:pt idx="746">
                  <c:v>43619</c:v>
                </c:pt>
                <c:pt idx="747">
                  <c:v>43616</c:v>
                </c:pt>
                <c:pt idx="748">
                  <c:v>43615</c:v>
                </c:pt>
                <c:pt idx="749">
                  <c:v>43614</c:v>
                </c:pt>
                <c:pt idx="750">
                  <c:v>43613</c:v>
                </c:pt>
                <c:pt idx="751">
                  <c:v>43609</c:v>
                </c:pt>
                <c:pt idx="752">
                  <c:v>43608</c:v>
                </c:pt>
                <c:pt idx="753">
                  <c:v>43607</c:v>
                </c:pt>
                <c:pt idx="754">
                  <c:v>43606</c:v>
                </c:pt>
                <c:pt idx="755">
                  <c:v>43605</c:v>
                </c:pt>
                <c:pt idx="756">
                  <c:v>43602</c:v>
                </c:pt>
                <c:pt idx="757">
                  <c:v>43601</c:v>
                </c:pt>
                <c:pt idx="758">
                  <c:v>43600</c:v>
                </c:pt>
                <c:pt idx="759">
                  <c:v>43599</c:v>
                </c:pt>
                <c:pt idx="760">
                  <c:v>43598</c:v>
                </c:pt>
                <c:pt idx="761">
                  <c:v>43595</c:v>
                </c:pt>
                <c:pt idx="762">
                  <c:v>43594</c:v>
                </c:pt>
                <c:pt idx="763">
                  <c:v>43593</c:v>
                </c:pt>
                <c:pt idx="764">
                  <c:v>43592</c:v>
                </c:pt>
                <c:pt idx="765">
                  <c:v>43591</c:v>
                </c:pt>
                <c:pt idx="766">
                  <c:v>43588</c:v>
                </c:pt>
                <c:pt idx="767">
                  <c:v>43587</c:v>
                </c:pt>
                <c:pt idx="768">
                  <c:v>43586</c:v>
                </c:pt>
                <c:pt idx="769">
                  <c:v>43585</c:v>
                </c:pt>
                <c:pt idx="770">
                  <c:v>43584</c:v>
                </c:pt>
                <c:pt idx="771">
                  <c:v>43581</c:v>
                </c:pt>
                <c:pt idx="772">
                  <c:v>43580</c:v>
                </c:pt>
                <c:pt idx="773">
                  <c:v>43579</c:v>
                </c:pt>
                <c:pt idx="774">
                  <c:v>43578</c:v>
                </c:pt>
                <c:pt idx="775">
                  <c:v>43577</c:v>
                </c:pt>
                <c:pt idx="776">
                  <c:v>43573</c:v>
                </c:pt>
                <c:pt idx="777">
                  <c:v>43572</c:v>
                </c:pt>
                <c:pt idx="778">
                  <c:v>43571</c:v>
                </c:pt>
                <c:pt idx="779">
                  <c:v>43570</c:v>
                </c:pt>
                <c:pt idx="780">
                  <c:v>43567</c:v>
                </c:pt>
                <c:pt idx="781">
                  <c:v>43566</c:v>
                </c:pt>
                <c:pt idx="782">
                  <c:v>43565</c:v>
                </c:pt>
                <c:pt idx="783">
                  <c:v>43564</c:v>
                </c:pt>
                <c:pt idx="784">
                  <c:v>43563</c:v>
                </c:pt>
                <c:pt idx="785">
                  <c:v>43560</c:v>
                </c:pt>
                <c:pt idx="786">
                  <c:v>43559</c:v>
                </c:pt>
                <c:pt idx="787">
                  <c:v>43558</c:v>
                </c:pt>
                <c:pt idx="788">
                  <c:v>43557</c:v>
                </c:pt>
                <c:pt idx="789">
                  <c:v>43556</c:v>
                </c:pt>
                <c:pt idx="790">
                  <c:v>43553</c:v>
                </c:pt>
                <c:pt idx="791">
                  <c:v>43552</c:v>
                </c:pt>
                <c:pt idx="792">
                  <c:v>43551</c:v>
                </c:pt>
                <c:pt idx="793">
                  <c:v>43550</c:v>
                </c:pt>
                <c:pt idx="794">
                  <c:v>43549</c:v>
                </c:pt>
                <c:pt idx="795">
                  <c:v>43546</c:v>
                </c:pt>
                <c:pt idx="796">
                  <c:v>43545</c:v>
                </c:pt>
                <c:pt idx="797">
                  <c:v>43544</c:v>
                </c:pt>
                <c:pt idx="798">
                  <c:v>43543</c:v>
                </c:pt>
                <c:pt idx="799">
                  <c:v>43542</c:v>
                </c:pt>
                <c:pt idx="800">
                  <c:v>43539</c:v>
                </c:pt>
                <c:pt idx="801">
                  <c:v>43538</c:v>
                </c:pt>
                <c:pt idx="802">
                  <c:v>43537</c:v>
                </c:pt>
                <c:pt idx="803">
                  <c:v>43536</c:v>
                </c:pt>
                <c:pt idx="804">
                  <c:v>43535</c:v>
                </c:pt>
                <c:pt idx="805">
                  <c:v>43532</c:v>
                </c:pt>
                <c:pt idx="806">
                  <c:v>43531</c:v>
                </c:pt>
                <c:pt idx="807">
                  <c:v>43530</c:v>
                </c:pt>
                <c:pt idx="808">
                  <c:v>43529</c:v>
                </c:pt>
                <c:pt idx="809">
                  <c:v>43528</c:v>
                </c:pt>
                <c:pt idx="810">
                  <c:v>43525</c:v>
                </c:pt>
                <c:pt idx="811">
                  <c:v>43524</c:v>
                </c:pt>
                <c:pt idx="812">
                  <c:v>43523</c:v>
                </c:pt>
                <c:pt idx="813">
                  <c:v>43522</c:v>
                </c:pt>
                <c:pt idx="814">
                  <c:v>43521</c:v>
                </c:pt>
                <c:pt idx="815">
                  <c:v>43518</c:v>
                </c:pt>
                <c:pt idx="816">
                  <c:v>43517</c:v>
                </c:pt>
                <c:pt idx="817">
                  <c:v>43516</c:v>
                </c:pt>
                <c:pt idx="818">
                  <c:v>43515</c:v>
                </c:pt>
                <c:pt idx="819">
                  <c:v>43511</c:v>
                </c:pt>
                <c:pt idx="820">
                  <c:v>43510</c:v>
                </c:pt>
                <c:pt idx="821">
                  <c:v>43509</c:v>
                </c:pt>
                <c:pt idx="822">
                  <c:v>43508</c:v>
                </c:pt>
                <c:pt idx="823">
                  <c:v>43507</c:v>
                </c:pt>
                <c:pt idx="824">
                  <c:v>43504</c:v>
                </c:pt>
                <c:pt idx="825">
                  <c:v>43503</c:v>
                </c:pt>
                <c:pt idx="826">
                  <c:v>43502</c:v>
                </c:pt>
                <c:pt idx="827">
                  <c:v>43501</c:v>
                </c:pt>
                <c:pt idx="828">
                  <c:v>43500</c:v>
                </c:pt>
                <c:pt idx="829">
                  <c:v>43497</c:v>
                </c:pt>
                <c:pt idx="830">
                  <c:v>43496</c:v>
                </c:pt>
                <c:pt idx="831">
                  <c:v>43495</c:v>
                </c:pt>
                <c:pt idx="832">
                  <c:v>43494</c:v>
                </c:pt>
                <c:pt idx="833">
                  <c:v>43493</c:v>
                </c:pt>
                <c:pt idx="834">
                  <c:v>43490</c:v>
                </c:pt>
                <c:pt idx="835">
                  <c:v>43489</c:v>
                </c:pt>
                <c:pt idx="836">
                  <c:v>43488</c:v>
                </c:pt>
                <c:pt idx="837">
                  <c:v>43487</c:v>
                </c:pt>
                <c:pt idx="838">
                  <c:v>43483</c:v>
                </c:pt>
                <c:pt idx="839">
                  <c:v>43482</c:v>
                </c:pt>
                <c:pt idx="840">
                  <c:v>43481</c:v>
                </c:pt>
                <c:pt idx="841">
                  <c:v>43480</c:v>
                </c:pt>
                <c:pt idx="842">
                  <c:v>43479</c:v>
                </c:pt>
                <c:pt idx="843">
                  <c:v>43476</c:v>
                </c:pt>
                <c:pt idx="844">
                  <c:v>43475</c:v>
                </c:pt>
                <c:pt idx="845">
                  <c:v>43474</c:v>
                </c:pt>
                <c:pt idx="846">
                  <c:v>43473</c:v>
                </c:pt>
                <c:pt idx="847">
                  <c:v>43472</c:v>
                </c:pt>
                <c:pt idx="848">
                  <c:v>43469</c:v>
                </c:pt>
                <c:pt idx="849">
                  <c:v>43468</c:v>
                </c:pt>
                <c:pt idx="850">
                  <c:v>43467</c:v>
                </c:pt>
                <c:pt idx="851">
                  <c:v>43465</c:v>
                </c:pt>
                <c:pt idx="852">
                  <c:v>43462</c:v>
                </c:pt>
                <c:pt idx="853">
                  <c:v>43461</c:v>
                </c:pt>
                <c:pt idx="854">
                  <c:v>43460</c:v>
                </c:pt>
                <c:pt idx="855">
                  <c:v>43458</c:v>
                </c:pt>
                <c:pt idx="856">
                  <c:v>43455</c:v>
                </c:pt>
                <c:pt idx="857">
                  <c:v>43454</c:v>
                </c:pt>
                <c:pt idx="858">
                  <c:v>43453</c:v>
                </c:pt>
                <c:pt idx="859">
                  <c:v>43452</c:v>
                </c:pt>
                <c:pt idx="860">
                  <c:v>43451</c:v>
                </c:pt>
                <c:pt idx="861">
                  <c:v>43448</c:v>
                </c:pt>
                <c:pt idx="862">
                  <c:v>43447</c:v>
                </c:pt>
                <c:pt idx="863">
                  <c:v>43446</c:v>
                </c:pt>
                <c:pt idx="864">
                  <c:v>43445</c:v>
                </c:pt>
                <c:pt idx="865">
                  <c:v>43444</c:v>
                </c:pt>
                <c:pt idx="866">
                  <c:v>43441</c:v>
                </c:pt>
                <c:pt idx="867">
                  <c:v>43440</c:v>
                </c:pt>
                <c:pt idx="868">
                  <c:v>43439</c:v>
                </c:pt>
                <c:pt idx="869">
                  <c:v>43438</c:v>
                </c:pt>
                <c:pt idx="870">
                  <c:v>43437</c:v>
                </c:pt>
                <c:pt idx="871">
                  <c:v>43434</c:v>
                </c:pt>
                <c:pt idx="872">
                  <c:v>43433</c:v>
                </c:pt>
                <c:pt idx="873">
                  <c:v>43432</c:v>
                </c:pt>
                <c:pt idx="874">
                  <c:v>43431</c:v>
                </c:pt>
                <c:pt idx="875">
                  <c:v>43430</c:v>
                </c:pt>
                <c:pt idx="876">
                  <c:v>43427</c:v>
                </c:pt>
                <c:pt idx="877">
                  <c:v>43425</c:v>
                </c:pt>
                <c:pt idx="878">
                  <c:v>43424</c:v>
                </c:pt>
                <c:pt idx="879">
                  <c:v>43423</c:v>
                </c:pt>
                <c:pt idx="880">
                  <c:v>43420</c:v>
                </c:pt>
                <c:pt idx="881">
                  <c:v>43419</c:v>
                </c:pt>
                <c:pt idx="882">
                  <c:v>43418</c:v>
                </c:pt>
                <c:pt idx="883">
                  <c:v>43417</c:v>
                </c:pt>
                <c:pt idx="884">
                  <c:v>43413</c:v>
                </c:pt>
                <c:pt idx="885">
                  <c:v>43412</c:v>
                </c:pt>
                <c:pt idx="886">
                  <c:v>43411</c:v>
                </c:pt>
                <c:pt idx="887">
                  <c:v>43410</c:v>
                </c:pt>
                <c:pt idx="888">
                  <c:v>43409</c:v>
                </c:pt>
                <c:pt idx="889">
                  <c:v>43406</c:v>
                </c:pt>
                <c:pt idx="890">
                  <c:v>43405</c:v>
                </c:pt>
                <c:pt idx="891">
                  <c:v>43404</c:v>
                </c:pt>
                <c:pt idx="892">
                  <c:v>43403</c:v>
                </c:pt>
                <c:pt idx="893">
                  <c:v>43402</c:v>
                </c:pt>
                <c:pt idx="894">
                  <c:v>43399</c:v>
                </c:pt>
                <c:pt idx="895">
                  <c:v>43398</c:v>
                </c:pt>
                <c:pt idx="896">
                  <c:v>43397</c:v>
                </c:pt>
                <c:pt idx="897">
                  <c:v>43396</c:v>
                </c:pt>
                <c:pt idx="898">
                  <c:v>43395</c:v>
                </c:pt>
                <c:pt idx="899">
                  <c:v>43392</c:v>
                </c:pt>
                <c:pt idx="900">
                  <c:v>43391</c:v>
                </c:pt>
                <c:pt idx="901">
                  <c:v>43390</c:v>
                </c:pt>
                <c:pt idx="902">
                  <c:v>43389</c:v>
                </c:pt>
                <c:pt idx="903">
                  <c:v>43388</c:v>
                </c:pt>
                <c:pt idx="904">
                  <c:v>43385</c:v>
                </c:pt>
                <c:pt idx="905">
                  <c:v>43384</c:v>
                </c:pt>
                <c:pt idx="906">
                  <c:v>43383</c:v>
                </c:pt>
                <c:pt idx="907">
                  <c:v>43382</c:v>
                </c:pt>
                <c:pt idx="908">
                  <c:v>43378</c:v>
                </c:pt>
                <c:pt idx="909">
                  <c:v>43377</c:v>
                </c:pt>
                <c:pt idx="910">
                  <c:v>43376</c:v>
                </c:pt>
                <c:pt idx="911">
                  <c:v>43375</c:v>
                </c:pt>
                <c:pt idx="912">
                  <c:v>43374</c:v>
                </c:pt>
                <c:pt idx="913">
                  <c:v>43371</c:v>
                </c:pt>
                <c:pt idx="914">
                  <c:v>43370</c:v>
                </c:pt>
                <c:pt idx="915">
                  <c:v>43369</c:v>
                </c:pt>
                <c:pt idx="916">
                  <c:v>43368</c:v>
                </c:pt>
                <c:pt idx="917">
                  <c:v>43367</c:v>
                </c:pt>
                <c:pt idx="918">
                  <c:v>43364</c:v>
                </c:pt>
                <c:pt idx="919">
                  <c:v>43363</c:v>
                </c:pt>
                <c:pt idx="920">
                  <c:v>43362</c:v>
                </c:pt>
                <c:pt idx="921">
                  <c:v>43361</c:v>
                </c:pt>
                <c:pt idx="922">
                  <c:v>43360</c:v>
                </c:pt>
                <c:pt idx="923">
                  <c:v>43357</c:v>
                </c:pt>
                <c:pt idx="924">
                  <c:v>43356</c:v>
                </c:pt>
                <c:pt idx="925">
                  <c:v>43355</c:v>
                </c:pt>
                <c:pt idx="926">
                  <c:v>43354</c:v>
                </c:pt>
                <c:pt idx="927">
                  <c:v>43353</c:v>
                </c:pt>
                <c:pt idx="928">
                  <c:v>43350</c:v>
                </c:pt>
                <c:pt idx="929">
                  <c:v>43349</c:v>
                </c:pt>
                <c:pt idx="930">
                  <c:v>43348</c:v>
                </c:pt>
                <c:pt idx="931">
                  <c:v>43347</c:v>
                </c:pt>
                <c:pt idx="932">
                  <c:v>43343</c:v>
                </c:pt>
                <c:pt idx="933">
                  <c:v>43342</c:v>
                </c:pt>
                <c:pt idx="934">
                  <c:v>43341</c:v>
                </c:pt>
                <c:pt idx="935">
                  <c:v>43340</c:v>
                </c:pt>
                <c:pt idx="936">
                  <c:v>43339</c:v>
                </c:pt>
                <c:pt idx="937">
                  <c:v>43336</c:v>
                </c:pt>
                <c:pt idx="938">
                  <c:v>43335</c:v>
                </c:pt>
                <c:pt idx="939">
                  <c:v>43334</c:v>
                </c:pt>
                <c:pt idx="940">
                  <c:v>43333</c:v>
                </c:pt>
                <c:pt idx="941">
                  <c:v>43332</c:v>
                </c:pt>
                <c:pt idx="942">
                  <c:v>43329</c:v>
                </c:pt>
                <c:pt idx="943">
                  <c:v>43328</c:v>
                </c:pt>
                <c:pt idx="944">
                  <c:v>43327</c:v>
                </c:pt>
                <c:pt idx="945">
                  <c:v>43326</c:v>
                </c:pt>
                <c:pt idx="946">
                  <c:v>43325</c:v>
                </c:pt>
                <c:pt idx="947">
                  <c:v>43322</c:v>
                </c:pt>
                <c:pt idx="948">
                  <c:v>43321</c:v>
                </c:pt>
                <c:pt idx="949">
                  <c:v>43320</c:v>
                </c:pt>
                <c:pt idx="950">
                  <c:v>43319</c:v>
                </c:pt>
                <c:pt idx="951">
                  <c:v>43318</c:v>
                </c:pt>
                <c:pt idx="952">
                  <c:v>43315</c:v>
                </c:pt>
                <c:pt idx="953">
                  <c:v>43314</c:v>
                </c:pt>
                <c:pt idx="954">
                  <c:v>43313</c:v>
                </c:pt>
                <c:pt idx="955">
                  <c:v>43312</c:v>
                </c:pt>
                <c:pt idx="956">
                  <c:v>43311</c:v>
                </c:pt>
                <c:pt idx="957">
                  <c:v>43308</c:v>
                </c:pt>
                <c:pt idx="958">
                  <c:v>43307</c:v>
                </c:pt>
                <c:pt idx="959">
                  <c:v>43306</c:v>
                </c:pt>
                <c:pt idx="960">
                  <c:v>43305</c:v>
                </c:pt>
                <c:pt idx="961">
                  <c:v>43304</c:v>
                </c:pt>
                <c:pt idx="962">
                  <c:v>43301</c:v>
                </c:pt>
                <c:pt idx="963">
                  <c:v>43300</c:v>
                </c:pt>
                <c:pt idx="964">
                  <c:v>43299</c:v>
                </c:pt>
                <c:pt idx="965">
                  <c:v>43298</c:v>
                </c:pt>
                <c:pt idx="966">
                  <c:v>43297</c:v>
                </c:pt>
                <c:pt idx="967">
                  <c:v>43294</c:v>
                </c:pt>
                <c:pt idx="968">
                  <c:v>43293</c:v>
                </c:pt>
                <c:pt idx="969">
                  <c:v>43292</c:v>
                </c:pt>
                <c:pt idx="970">
                  <c:v>43291</c:v>
                </c:pt>
                <c:pt idx="971">
                  <c:v>43290</c:v>
                </c:pt>
                <c:pt idx="972">
                  <c:v>43287</c:v>
                </c:pt>
                <c:pt idx="973">
                  <c:v>43286</c:v>
                </c:pt>
                <c:pt idx="974">
                  <c:v>43284</c:v>
                </c:pt>
                <c:pt idx="975">
                  <c:v>43283</c:v>
                </c:pt>
                <c:pt idx="976">
                  <c:v>43280</c:v>
                </c:pt>
                <c:pt idx="977">
                  <c:v>43279</c:v>
                </c:pt>
                <c:pt idx="978">
                  <c:v>43278</c:v>
                </c:pt>
                <c:pt idx="979">
                  <c:v>43277</c:v>
                </c:pt>
                <c:pt idx="980">
                  <c:v>43276</c:v>
                </c:pt>
                <c:pt idx="981">
                  <c:v>43273</c:v>
                </c:pt>
                <c:pt idx="982">
                  <c:v>43272</c:v>
                </c:pt>
                <c:pt idx="983">
                  <c:v>43271</c:v>
                </c:pt>
                <c:pt idx="984">
                  <c:v>43270</c:v>
                </c:pt>
                <c:pt idx="985">
                  <c:v>43269</c:v>
                </c:pt>
                <c:pt idx="986">
                  <c:v>43266</c:v>
                </c:pt>
                <c:pt idx="987">
                  <c:v>43265</c:v>
                </c:pt>
                <c:pt idx="988">
                  <c:v>43264</c:v>
                </c:pt>
                <c:pt idx="989">
                  <c:v>43263</c:v>
                </c:pt>
                <c:pt idx="990">
                  <c:v>43262</c:v>
                </c:pt>
                <c:pt idx="991">
                  <c:v>43259</c:v>
                </c:pt>
                <c:pt idx="992">
                  <c:v>43258</c:v>
                </c:pt>
                <c:pt idx="993">
                  <c:v>43257</c:v>
                </c:pt>
                <c:pt idx="994">
                  <c:v>43256</c:v>
                </c:pt>
                <c:pt idx="995">
                  <c:v>43255</c:v>
                </c:pt>
                <c:pt idx="996">
                  <c:v>43252</c:v>
                </c:pt>
                <c:pt idx="997">
                  <c:v>43251</c:v>
                </c:pt>
                <c:pt idx="998">
                  <c:v>43250</c:v>
                </c:pt>
                <c:pt idx="999">
                  <c:v>43249</c:v>
                </c:pt>
                <c:pt idx="1000">
                  <c:v>43245</c:v>
                </c:pt>
                <c:pt idx="1001">
                  <c:v>43244</c:v>
                </c:pt>
                <c:pt idx="1002">
                  <c:v>43243</c:v>
                </c:pt>
                <c:pt idx="1003">
                  <c:v>43242</c:v>
                </c:pt>
                <c:pt idx="1004">
                  <c:v>43241</c:v>
                </c:pt>
                <c:pt idx="1005">
                  <c:v>43238</c:v>
                </c:pt>
                <c:pt idx="1006">
                  <c:v>43237</c:v>
                </c:pt>
                <c:pt idx="1007">
                  <c:v>43236</c:v>
                </c:pt>
                <c:pt idx="1008">
                  <c:v>43235</c:v>
                </c:pt>
                <c:pt idx="1009">
                  <c:v>43234</c:v>
                </c:pt>
                <c:pt idx="1010">
                  <c:v>43231</c:v>
                </c:pt>
                <c:pt idx="1011">
                  <c:v>43230</c:v>
                </c:pt>
                <c:pt idx="1012">
                  <c:v>43229</c:v>
                </c:pt>
                <c:pt idx="1013">
                  <c:v>43228</c:v>
                </c:pt>
                <c:pt idx="1014">
                  <c:v>43227</c:v>
                </c:pt>
                <c:pt idx="1015">
                  <c:v>43224</c:v>
                </c:pt>
                <c:pt idx="1016">
                  <c:v>43223</c:v>
                </c:pt>
                <c:pt idx="1017">
                  <c:v>43222</c:v>
                </c:pt>
                <c:pt idx="1018">
                  <c:v>43221</c:v>
                </c:pt>
                <c:pt idx="1019">
                  <c:v>43220</c:v>
                </c:pt>
                <c:pt idx="1020">
                  <c:v>43217</c:v>
                </c:pt>
                <c:pt idx="1021">
                  <c:v>43216</c:v>
                </c:pt>
                <c:pt idx="1022">
                  <c:v>43215</c:v>
                </c:pt>
                <c:pt idx="1023">
                  <c:v>43214</c:v>
                </c:pt>
                <c:pt idx="1024">
                  <c:v>43213</c:v>
                </c:pt>
                <c:pt idx="1025">
                  <c:v>43210</c:v>
                </c:pt>
                <c:pt idx="1026">
                  <c:v>43209</c:v>
                </c:pt>
                <c:pt idx="1027">
                  <c:v>43208</c:v>
                </c:pt>
                <c:pt idx="1028">
                  <c:v>43207</c:v>
                </c:pt>
                <c:pt idx="1029">
                  <c:v>43206</c:v>
                </c:pt>
                <c:pt idx="1030">
                  <c:v>43203</c:v>
                </c:pt>
                <c:pt idx="1031">
                  <c:v>43202</c:v>
                </c:pt>
                <c:pt idx="1032">
                  <c:v>43201</c:v>
                </c:pt>
                <c:pt idx="1033">
                  <c:v>43200</c:v>
                </c:pt>
                <c:pt idx="1034">
                  <c:v>43199</c:v>
                </c:pt>
                <c:pt idx="1035">
                  <c:v>43196</c:v>
                </c:pt>
                <c:pt idx="1036">
                  <c:v>43195</c:v>
                </c:pt>
                <c:pt idx="1037">
                  <c:v>43194</c:v>
                </c:pt>
                <c:pt idx="1038">
                  <c:v>43193</c:v>
                </c:pt>
                <c:pt idx="1039">
                  <c:v>43192</c:v>
                </c:pt>
                <c:pt idx="1040">
                  <c:v>43188</c:v>
                </c:pt>
                <c:pt idx="1041">
                  <c:v>43187</c:v>
                </c:pt>
                <c:pt idx="1042">
                  <c:v>43186</c:v>
                </c:pt>
                <c:pt idx="1043">
                  <c:v>43185</c:v>
                </c:pt>
                <c:pt idx="1044">
                  <c:v>43182</c:v>
                </c:pt>
                <c:pt idx="1045">
                  <c:v>43181</c:v>
                </c:pt>
                <c:pt idx="1046">
                  <c:v>43180</c:v>
                </c:pt>
                <c:pt idx="1047">
                  <c:v>43179</c:v>
                </c:pt>
                <c:pt idx="1048">
                  <c:v>43178</c:v>
                </c:pt>
                <c:pt idx="1049">
                  <c:v>43175</c:v>
                </c:pt>
                <c:pt idx="1050">
                  <c:v>43174</c:v>
                </c:pt>
                <c:pt idx="1051">
                  <c:v>43173</c:v>
                </c:pt>
                <c:pt idx="1052">
                  <c:v>43172</c:v>
                </c:pt>
                <c:pt idx="1053">
                  <c:v>43171</c:v>
                </c:pt>
                <c:pt idx="1054">
                  <c:v>43168</c:v>
                </c:pt>
                <c:pt idx="1055">
                  <c:v>43167</c:v>
                </c:pt>
                <c:pt idx="1056">
                  <c:v>43166</c:v>
                </c:pt>
                <c:pt idx="1057">
                  <c:v>43165</c:v>
                </c:pt>
                <c:pt idx="1058">
                  <c:v>43164</c:v>
                </c:pt>
                <c:pt idx="1059">
                  <c:v>43161</c:v>
                </c:pt>
                <c:pt idx="1060">
                  <c:v>43160</c:v>
                </c:pt>
                <c:pt idx="1061">
                  <c:v>43159</c:v>
                </c:pt>
                <c:pt idx="1062">
                  <c:v>43158</c:v>
                </c:pt>
                <c:pt idx="1063">
                  <c:v>43157</c:v>
                </c:pt>
                <c:pt idx="1064">
                  <c:v>43154</c:v>
                </c:pt>
                <c:pt idx="1065">
                  <c:v>43153</c:v>
                </c:pt>
                <c:pt idx="1066">
                  <c:v>43152</c:v>
                </c:pt>
                <c:pt idx="1067">
                  <c:v>43151</c:v>
                </c:pt>
                <c:pt idx="1068">
                  <c:v>43147</c:v>
                </c:pt>
                <c:pt idx="1069">
                  <c:v>43146</c:v>
                </c:pt>
                <c:pt idx="1070">
                  <c:v>43145</c:v>
                </c:pt>
                <c:pt idx="1071">
                  <c:v>43144</c:v>
                </c:pt>
                <c:pt idx="1072">
                  <c:v>43143</c:v>
                </c:pt>
                <c:pt idx="1073">
                  <c:v>43140</c:v>
                </c:pt>
                <c:pt idx="1074">
                  <c:v>43139</c:v>
                </c:pt>
                <c:pt idx="1075">
                  <c:v>43138</c:v>
                </c:pt>
                <c:pt idx="1076">
                  <c:v>43137</c:v>
                </c:pt>
                <c:pt idx="1077">
                  <c:v>43136</c:v>
                </c:pt>
                <c:pt idx="1078">
                  <c:v>43133</c:v>
                </c:pt>
                <c:pt idx="1079">
                  <c:v>43132</c:v>
                </c:pt>
                <c:pt idx="1080">
                  <c:v>43131</c:v>
                </c:pt>
                <c:pt idx="1081">
                  <c:v>43130</c:v>
                </c:pt>
                <c:pt idx="1082">
                  <c:v>43129</c:v>
                </c:pt>
                <c:pt idx="1083">
                  <c:v>43126</c:v>
                </c:pt>
                <c:pt idx="1084">
                  <c:v>43125</c:v>
                </c:pt>
                <c:pt idx="1085">
                  <c:v>43124</c:v>
                </c:pt>
                <c:pt idx="1086">
                  <c:v>43123</c:v>
                </c:pt>
                <c:pt idx="1087">
                  <c:v>43122</c:v>
                </c:pt>
                <c:pt idx="1088">
                  <c:v>43119</c:v>
                </c:pt>
                <c:pt idx="1089">
                  <c:v>43118</c:v>
                </c:pt>
                <c:pt idx="1090">
                  <c:v>43117</c:v>
                </c:pt>
                <c:pt idx="1091">
                  <c:v>43116</c:v>
                </c:pt>
                <c:pt idx="1092">
                  <c:v>43112</c:v>
                </c:pt>
                <c:pt idx="1093">
                  <c:v>43111</c:v>
                </c:pt>
                <c:pt idx="1094">
                  <c:v>43110</c:v>
                </c:pt>
                <c:pt idx="1095">
                  <c:v>43109</c:v>
                </c:pt>
                <c:pt idx="1096">
                  <c:v>43108</c:v>
                </c:pt>
                <c:pt idx="1097">
                  <c:v>43105</c:v>
                </c:pt>
                <c:pt idx="1098">
                  <c:v>43104</c:v>
                </c:pt>
                <c:pt idx="1099">
                  <c:v>43103</c:v>
                </c:pt>
                <c:pt idx="1100">
                  <c:v>43102</c:v>
                </c:pt>
                <c:pt idx="1101">
                  <c:v>43098</c:v>
                </c:pt>
                <c:pt idx="1102">
                  <c:v>43097</c:v>
                </c:pt>
                <c:pt idx="1103">
                  <c:v>43096</c:v>
                </c:pt>
                <c:pt idx="1104">
                  <c:v>43095</c:v>
                </c:pt>
                <c:pt idx="1105">
                  <c:v>43091</c:v>
                </c:pt>
                <c:pt idx="1106">
                  <c:v>43090</c:v>
                </c:pt>
                <c:pt idx="1107">
                  <c:v>43089</c:v>
                </c:pt>
                <c:pt idx="1108">
                  <c:v>43088</c:v>
                </c:pt>
                <c:pt idx="1109">
                  <c:v>43087</c:v>
                </c:pt>
                <c:pt idx="1110">
                  <c:v>43084</c:v>
                </c:pt>
                <c:pt idx="1111">
                  <c:v>43083</c:v>
                </c:pt>
                <c:pt idx="1112">
                  <c:v>43082</c:v>
                </c:pt>
                <c:pt idx="1113">
                  <c:v>43081</c:v>
                </c:pt>
                <c:pt idx="1114">
                  <c:v>43080</c:v>
                </c:pt>
                <c:pt idx="1115">
                  <c:v>43077</c:v>
                </c:pt>
                <c:pt idx="1116">
                  <c:v>43076</c:v>
                </c:pt>
                <c:pt idx="1117">
                  <c:v>43075</c:v>
                </c:pt>
                <c:pt idx="1118">
                  <c:v>43074</c:v>
                </c:pt>
                <c:pt idx="1119">
                  <c:v>43073</c:v>
                </c:pt>
                <c:pt idx="1120">
                  <c:v>43070</c:v>
                </c:pt>
                <c:pt idx="1121">
                  <c:v>43069</c:v>
                </c:pt>
                <c:pt idx="1122">
                  <c:v>43068</c:v>
                </c:pt>
                <c:pt idx="1123">
                  <c:v>43067</c:v>
                </c:pt>
                <c:pt idx="1124">
                  <c:v>43066</c:v>
                </c:pt>
                <c:pt idx="1125">
                  <c:v>43063</c:v>
                </c:pt>
                <c:pt idx="1126">
                  <c:v>43061</c:v>
                </c:pt>
                <c:pt idx="1127">
                  <c:v>43060</c:v>
                </c:pt>
                <c:pt idx="1128">
                  <c:v>43059</c:v>
                </c:pt>
                <c:pt idx="1129">
                  <c:v>43056</c:v>
                </c:pt>
                <c:pt idx="1130">
                  <c:v>43055</c:v>
                </c:pt>
                <c:pt idx="1131">
                  <c:v>43054</c:v>
                </c:pt>
                <c:pt idx="1132">
                  <c:v>43053</c:v>
                </c:pt>
                <c:pt idx="1133">
                  <c:v>43052</c:v>
                </c:pt>
                <c:pt idx="1134">
                  <c:v>43049</c:v>
                </c:pt>
                <c:pt idx="1135">
                  <c:v>43048</c:v>
                </c:pt>
                <c:pt idx="1136">
                  <c:v>43047</c:v>
                </c:pt>
                <c:pt idx="1137">
                  <c:v>43046</c:v>
                </c:pt>
                <c:pt idx="1138">
                  <c:v>43045</c:v>
                </c:pt>
                <c:pt idx="1139">
                  <c:v>43042</c:v>
                </c:pt>
                <c:pt idx="1140">
                  <c:v>43041</c:v>
                </c:pt>
                <c:pt idx="1141">
                  <c:v>43040</c:v>
                </c:pt>
                <c:pt idx="1142">
                  <c:v>43039</c:v>
                </c:pt>
                <c:pt idx="1143">
                  <c:v>43038</c:v>
                </c:pt>
                <c:pt idx="1144">
                  <c:v>43035</c:v>
                </c:pt>
                <c:pt idx="1145">
                  <c:v>43034</c:v>
                </c:pt>
                <c:pt idx="1146">
                  <c:v>43033</c:v>
                </c:pt>
                <c:pt idx="1147">
                  <c:v>43032</c:v>
                </c:pt>
                <c:pt idx="1148">
                  <c:v>43031</c:v>
                </c:pt>
                <c:pt idx="1149">
                  <c:v>43028</c:v>
                </c:pt>
                <c:pt idx="1150">
                  <c:v>43027</c:v>
                </c:pt>
                <c:pt idx="1151">
                  <c:v>43026</c:v>
                </c:pt>
                <c:pt idx="1152">
                  <c:v>43025</c:v>
                </c:pt>
                <c:pt idx="1153">
                  <c:v>43024</c:v>
                </c:pt>
                <c:pt idx="1154">
                  <c:v>43021</c:v>
                </c:pt>
                <c:pt idx="1155">
                  <c:v>43020</c:v>
                </c:pt>
                <c:pt idx="1156">
                  <c:v>43019</c:v>
                </c:pt>
                <c:pt idx="1157">
                  <c:v>43018</c:v>
                </c:pt>
                <c:pt idx="1158">
                  <c:v>43014</c:v>
                </c:pt>
                <c:pt idx="1159">
                  <c:v>43013</c:v>
                </c:pt>
                <c:pt idx="1160">
                  <c:v>43012</c:v>
                </c:pt>
                <c:pt idx="1161">
                  <c:v>43011</c:v>
                </c:pt>
                <c:pt idx="1162">
                  <c:v>43010</c:v>
                </c:pt>
                <c:pt idx="1163">
                  <c:v>43007</c:v>
                </c:pt>
                <c:pt idx="1164">
                  <c:v>43006</c:v>
                </c:pt>
                <c:pt idx="1165">
                  <c:v>43005</c:v>
                </c:pt>
                <c:pt idx="1166">
                  <c:v>43004</c:v>
                </c:pt>
                <c:pt idx="1167">
                  <c:v>43003</c:v>
                </c:pt>
                <c:pt idx="1168">
                  <c:v>43000</c:v>
                </c:pt>
                <c:pt idx="1169">
                  <c:v>42999</c:v>
                </c:pt>
                <c:pt idx="1170">
                  <c:v>42998</c:v>
                </c:pt>
                <c:pt idx="1171">
                  <c:v>42997</c:v>
                </c:pt>
                <c:pt idx="1172">
                  <c:v>42996</c:v>
                </c:pt>
                <c:pt idx="1173">
                  <c:v>42993</c:v>
                </c:pt>
                <c:pt idx="1174">
                  <c:v>42992</c:v>
                </c:pt>
                <c:pt idx="1175">
                  <c:v>42991</c:v>
                </c:pt>
                <c:pt idx="1176">
                  <c:v>42990</c:v>
                </c:pt>
                <c:pt idx="1177">
                  <c:v>42989</c:v>
                </c:pt>
                <c:pt idx="1178">
                  <c:v>42986</c:v>
                </c:pt>
                <c:pt idx="1179">
                  <c:v>42985</c:v>
                </c:pt>
                <c:pt idx="1180">
                  <c:v>42984</c:v>
                </c:pt>
                <c:pt idx="1181">
                  <c:v>42983</c:v>
                </c:pt>
                <c:pt idx="1182">
                  <c:v>42979</c:v>
                </c:pt>
                <c:pt idx="1183">
                  <c:v>42978</c:v>
                </c:pt>
                <c:pt idx="1184">
                  <c:v>42977</c:v>
                </c:pt>
                <c:pt idx="1185">
                  <c:v>42976</c:v>
                </c:pt>
                <c:pt idx="1186">
                  <c:v>42975</c:v>
                </c:pt>
                <c:pt idx="1187">
                  <c:v>42972</c:v>
                </c:pt>
                <c:pt idx="1188">
                  <c:v>42971</c:v>
                </c:pt>
                <c:pt idx="1189">
                  <c:v>42970</c:v>
                </c:pt>
                <c:pt idx="1190">
                  <c:v>42969</c:v>
                </c:pt>
                <c:pt idx="1191">
                  <c:v>42968</c:v>
                </c:pt>
                <c:pt idx="1192">
                  <c:v>42965</c:v>
                </c:pt>
                <c:pt idx="1193">
                  <c:v>42964</c:v>
                </c:pt>
                <c:pt idx="1194">
                  <c:v>42963</c:v>
                </c:pt>
                <c:pt idx="1195">
                  <c:v>42962</c:v>
                </c:pt>
                <c:pt idx="1196">
                  <c:v>42961</c:v>
                </c:pt>
                <c:pt idx="1197">
                  <c:v>42958</c:v>
                </c:pt>
                <c:pt idx="1198">
                  <c:v>42957</c:v>
                </c:pt>
                <c:pt idx="1199">
                  <c:v>42956</c:v>
                </c:pt>
                <c:pt idx="1200">
                  <c:v>42955</c:v>
                </c:pt>
                <c:pt idx="1201">
                  <c:v>42954</c:v>
                </c:pt>
                <c:pt idx="1202">
                  <c:v>42951</c:v>
                </c:pt>
                <c:pt idx="1203">
                  <c:v>42950</c:v>
                </c:pt>
                <c:pt idx="1204">
                  <c:v>42949</c:v>
                </c:pt>
                <c:pt idx="1205">
                  <c:v>42948</c:v>
                </c:pt>
                <c:pt idx="1206">
                  <c:v>42947</c:v>
                </c:pt>
                <c:pt idx="1207">
                  <c:v>42944</c:v>
                </c:pt>
                <c:pt idx="1208">
                  <c:v>42943</c:v>
                </c:pt>
                <c:pt idx="1209">
                  <c:v>42942</c:v>
                </c:pt>
                <c:pt idx="1210">
                  <c:v>42941</c:v>
                </c:pt>
                <c:pt idx="1211">
                  <c:v>42940</c:v>
                </c:pt>
                <c:pt idx="1212">
                  <c:v>42937</c:v>
                </c:pt>
                <c:pt idx="1213">
                  <c:v>42936</c:v>
                </c:pt>
                <c:pt idx="1214">
                  <c:v>42935</c:v>
                </c:pt>
                <c:pt idx="1215">
                  <c:v>42934</c:v>
                </c:pt>
                <c:pt idx="1216">
                  <c:v>42933</c:v>
                </c:pt>
                <c:pt idx="1217">
                  <c:v>42930</c:v>
                </c:pt>
                <c:pt idx="1218">
                  <c:v>42929</c:v>
                </c:pt>
                <c:pt idx="1219">
                  <c:v>42928</c:v>
                </c:pt>
                <c:pt idx="1220">
                  <c:v>42927</c:v>
                </c:pt>
                <c:pt idx="1221">
                  <c:v>42926</c:v>
                </c:pt>
                <c:pt idx="1222">
                  <c:v>42923</c:v>
                </c:pt>
                <c:pt idx="1223">
                  <c:v>42922</c:v>
                </c:pt>
                <c:pt idx="1224">
                  <c:v>42921</c:v>
                </c:pt>
                <c:pt idx="1225">
                  <c:v>42919</c:v>
                </c:pt>
                <c:pt idx="1226">
                  <c:v>42916</c:v>
                </c:pt>
                <c:pt idx="1227">
                  <c:v>42915</c:v>
                </c:pt>
                <c:pt idx="1228">
                  <c:v>42914</c:v>
                </c:pt>
                <c:pt idx="1229">
                  <c:v>42913</c:v>
                </c:pt>
                <c:pt idx="1230">
                  <c:v>42912</c:v>
                </c:pt>
                <c:pt idx="1231">
                  <c:v>42909</c:v>
                </c:pt>
                <c:pt idx="1232">
                  <c:v>42908</c:v>
                </c:pt>
                <c:pt idx="1233">
                  <c:v>42907</c:v>
                </c:pt>
                <c:pt idx="1234">
                  <c:v>42906</c:v>
                </c:pt>
                <c:pt idx="1235">
                  <c:v>42905</c:v>
                </c:pt>
                <c:pt idx="1236">
                  <c:v>42902</c:v>
                </c:pt>
                <c:pt idx="1237">
                  <c:v>42901</c:v>
                </c:pt>
                <c:pt idx="1238">
                  <c:v>42900</c:v>
                </c:pt>
                <c:pt idx="1239">
                  <c:v>42899</c:v>
                </c:pt>
                <c:pt idx="1240">
                  <c:v>42898</c:v>
                </c:pt>
                <c:pt idx="1241">
                  <c:v>42895</c:v>
                </c:pt>
                <c:pt idx="1242">
                  <c:v>42894</c:v>
                </c:pt>
                <c:pt idx="1243">
                  <c:v>42893</c:v>
                </c:pt>
                <c:pt idx="1244">
                  <c:v>42892</c:v>
                </c:pt>
                <c:pt idx="1245">
                  <c:v>42891</c:v>
                </c:pt>
                <c:pt idx="1246">
                  <c:v>42888</c:v>
                </c:pt>
                <c:pt idx="1247">
                  <c:v>42887</c:v>
                </c:pt>
                <c:pt idx="1248">
                  <c:v>42886</c:v>
                </c:pt>
                <c:pt idx="1249">
                  <c:v>42885</c:v>
                </c:pt>
                <c:pt idx="1250">
                  <c:v>42881</c:v>
                </c:pt>
                <c:pt idx="1251">
                  <c:v>42880</c:v>
                </c:pt>
                <c:pt idx="1252">
                  <c:v>42879</c:v>
                </c:pt>
                <c:pt idx="1253">
                  <c:v>42878</c:v>
                </c:pt>
                <c:pt idx="1254">
                  <c:v>42877</c:v>
                </c:pt>
                <c:pt idx="1255">
                  <c:v>42874</c:v>
                </c:pt>
                <c:pt idx="1256">
                  <c:v>42873</c:v>
                </c:pt>
                <c:pt idx="1257">
                  <c:v>42872</c:v>
                </c:pt>
                <c:pt idx="1258">
                  <c:v>42871</c:v>
                </c:pt>
                <c:pt idx="1259">
                  <c:v>42870</c:v>
                </c:pt>
                <c:pt idx="1260">
                  <c:v>42867</c:v>
                </c:pt>
                <c:pt idx="1261">
                  <c:v>42866</c:v>
                </c:pt>
                <c:pt idx="1262">
                  <c:v>42865</c:v>
                </c:pt>
                <c:pt idx="1263">
                  <c:v>42864</c:v>
                </c:pt>
                <c:pt idx="1264">
                  <c:v>42863</c:v>
                </c:pt>
              </c:numCache>
            </c:numRef>
          </c:xVal>
          <c:yVal>
            <c:numRef>
              <c:f>Sheet1!$AM$32:$AM$2814</c:f>
              <c:numCache>
                <c:formatCode>General</c:formatCode>
                <c:ptCount val="2783"/>
                <c:pt idx="13" formatCode="0.00%">
                  <c:v>3.1059999999999997E-2</c:v>
                </c:pt>
                <c:pt idx="14" formatCode="0.00%">
                  <c:v>3.04E-2</c:v>
                </c:pt>
                <c:pt idx="15" formatCode="0.00%">
                  <c:v>2.9369999999999997E-2</c:v>
                </c:pt>
                <c:pt idx="16" formatCode="0.00%">
                  <c:v>2.9750000000000002E-2</c:v>
                </c:pt>
                <c:pt idx="17" formatCode="0.00%">
                  <c:v>2.9849999999999998E-2</c:v>
                </c:pt>
                <c:pt idx="18" formatCode="0.00%">
                  <c:v>2.9369999999999997E-2</c:v>
                </c:pt>
                <c:pt idx="19" formatCode="0.00%">
                  <c:v>2.8250000000000001E-2</c:v>
                </c:pt>
                <c:pt idx="20" formatCode="0.00%">
                  <c:v>2.8340000000000001E-2</c:v>
                </c:pt>
                <c:pt idx="21" formatCode="0.00%">
                  <c:v>2.7229999999999997E-2</c:v>
                </c:pt>
                <c:pt idx="22" formatCode="0.00%">
                  <c:v>2.8229999999999998E-2</c:v>
                </c:pt>
                <c:pt idx="23" formatCode="0.00%">
                  <c:v>2.9020000000000001E-2</c:v>
                </c:pt>
                <c:pt idx="24" formatCode="0.00%">
                  <c:v>2.912E-2</c:v>
                </c:pt>
                <c:pt idx="25" formatCode="0.00%">
                  <c:v>2.835E-2</c:v>
                </c:pt>
                <c:pt idx="26" formatCode="0.00%">
                  <c:v>2.9389999999999999E-2</c:v>
                </c:pt>
                <c:pt idx="27" formatCode="0.00%">
                  <c:v>2.8559999999999999E-2</c:v>
                </c:pt>
                <c:pt idx="28" formatCode="0.00%">
                  <c:v>2.8290000000000003E-2</c:v>
                </c:pt>
                <c:pt idx="29" formatCode="0.00%">
                  <c:v>2.7019999999999999E-2</c:v>
                </c:pt>
                <c:pt idx="30" formatCode="0.00%">
                  <c:v>2.724E-2</c:v>
                </c:pt>
                <c:pt idx="31" formatCode="0.00%">
                  <c:v>2.7820000000000001E-2</c:v>
                </c:pt>
                <c:pt idx="32" formatCode="0.00%">
                  <c:v>2.7050000000000001E-2</c:v>
                </c:pt>
                <c:pt idx="33" formatCode="0.00%">
                  <c:v>2.6600000000000002E-2</c:v>
                </c:pt>
                <c:pt idx="34" formatCode="0.00%">
                  <c:v>2.6000000000000002E-2</c:v>
                </c:pt>
                <c:pt idx="35" formatCode="0.00%">
                  <c:v>2.5489999999999999E-2</c:v>
                </c:pt>
                <c:pt idx="36" formatCode="0.00%">
                  <c:v>2.3980000000000001E-2</c:v>
                </c:pt>
                <c:pt idx="37" formatCode="0.00%">
                  <c:v>2.3849999999999996E-2</c:v>
                </c:pt>
                <c:pt idx="38" formatCode="0.00%">
                  <c:v>2.341E-2</c:v>
                </c:pt>
                <c:pt idx="39" formatCode="0.00%">
                  <c:v>2.3519999999999999E-2</c:v>
                </c:pt>
                <c:pt idx="40" formatCode="0.00%">
                  <c:v>2.3969999999999998E-2</c:v>
                </c:pt>
                <c:pt idx="41" formatCode="0.00%">
                  <c:v>2.461E-2</c:v>
                </c:pt>
                <c:pt idx="42" formatCode="0.00%">
                  <c:v>2.477E-2</c:v>
                </c:pt>
                <c:pt idx="43" formatCode="0.00%">
                  <c:v>2.3740000000000001E-2</c:v>
                </c:pt>
                <c:pt idx="44" formatCode="0.00%">
                  <c:v>2.2940000000000002E-2</c:v>
                </c:pt>
                <c:pt idx="45" formatCode="0.00%">
                  <c:v>2.384E-2</c:v>
                </c:pt>
                <c:pt idx="46" formatCode="0.00%">
                  <c:v>2.2919999999999999E-2</c:v>
                </c:pt>
                <c:pt idx="47" formatCode="0.00%">
                  <c:v>2.1520000000000001E-2</c:v>
                </c:pt>
                <c:pt idx="48" formatCode="0.00%">
                  <c:v>2.1729999999999999E-2</c:v>
                </c:pt>
                <c:pt idx="49" formatCode="0.00%">
                  <c:v>2.188E-2</c:v>
                </c:pt>
                <c:pt idx="50" formatCode="0.00%">
                  <c:v>2.146E-2</c:v>
                </c:pt>
                <c:pt idx="51" formatCode="0.00%">
                  <c:v>2.1349999999999997E-2</c:v>
                </c:pt>
                <c:pt idx="52" formatCode="0.00%">
                  <c:v>1.9950000000000002E-2</c:v>
                </c:pt>
                <c:pt idx="53" formatCode="0.00%">
                  <c:v>1.9900000000000001E-2</c:v>
                </c:pt>
                <c:pt idx="54" formatCode="0.00%">
                  <c:v>1.9550000000000001E-2</c:v>
                </c:pt>
                <c:pt idx="55" formatCode="0.00%">
                  <c:v>1.848E-2</c:v>
                </c:pt>
                <c:pt idx="56" formatCode="0.00%">
                  <c:v>1.7760000000000001E-2</c:v>
                </c:pt>
                <c:pt idx="57" formatCode="0.00%">
                  <c:v>1.7330000000000002E-2</c:v>
                </c:pt>
                <c:pt idx="58" formatCode="0.00%">
                  <c:v>1.8420000000000002E-2</c:v>
                </c:pt>
                <c:pt idx="59" formatCode="0.00%">
                  <c:v>1.8790000000000001E-2</c:v>
                </c:pt>
                <c:pt idx="60" formatCode="0.00%">
                  <c:v>1.7299999999999999E-2</c:v>
                </c:pt>
                <c:pt idx="61" formatCode="0.00%">
                  <c:v>1.8269999999999998E-2</c:v>
                </c:pt>
                <c:pt idx="62" formatCode="0.00%">
                  <c:v>1.9640000000000001E-2</c:v>
                </c:pt>
                <c:pt idx="63" formatCode="0.00%">
                  <c:v>1.966E-2</c:v>
                </c:pt>
                <c:pt idx="64" formatCode="0.00%">
                  <c:v>1.992E-2</c:v>
                </c:pt>
                <c:pt idx="65" formatCode="0.00%">
                  <c:v>1.941E-2</c:v>
                </c:pt>
                <c:pt idx="66" formatCode="0.00%">
                  <c:v>1.9310000000000001E-2</c:v>
                </c:pt>
                <c:pt idx="67" formatCode="0.00%">
                  <c:v>1.9630000000000002E-2</c:v>
                </c:pt>
                <c:pt idx="68" formatCode="0.00%">
                  <c:v>2.0400000000000001E-2</c:v>
                </c:pt>
                <c:pt idx="69" formatCode="0.00%">
                  <c:v>2.0449999999999999E-2</c:v>
                </c:pt>
                <c:pt idx="70" formatCode="0.00%">
                  <c:v>1.9890000000000001E-2</c:v>
                </c:pt>
                <c:pt idx="71" formatCode="0.00%">
                  <c:v>1.941E-2</c:v>
                </c:pt>
                <c:pt idx="72" formatCode="0.00%">
                  <c:v>2.0320000000000001E-2</c:v>
                </c:pt>
                <c:pt idx="73" formatCode="0.00%">
                  <c:v>1.942E-2</c:v>
                </c:pt>
                <c:pt idx="74" formatCode="0.00%">
                  <c:v>1.9650000000000001E-2</c:v>
                </c:pt>
                <c:pt idx="75" formatCode="0.00%">
                  <c:v>1.917E-2</c:v>
                </c:pt>
                <c:pt idx="76" formatCode="0.00%">
                  <c:v>1.9110000000000002E-2</c:v>
                </c:pt>
                <c:pt idx="77" formatCode="0.00%">
                  <c:v>1.8319999999999999E-2</c:v>
                </c:pt>
                <c:pt idx="78" formatCode="0.00%">
                  <c:v>1.7769999999999998E-2</c:v>
                </c:pt>
                <c:pt idx="79" formatCode="0.00%">
                  <c:v>1.789E-2</c:v>
                </c:pt>
                <c:pt idx="80" formatCode="0.00%">
                  <c:v>1.7780000000000001E-2</c:v>
                </c:pt>
                <c:pt idx="81" formatCode="0.00%">
                  <c:v>1.772E-2</c:v>
                </c:pt>
                <c:pt idx="82" formatCode="0.00%">
                  <c:v>1.8009999999999998E-2</c:v>
                </c:pt>
                <c:pt idx="83" formatCode="0.00%">
                  <c:v>1.866E-2</c:v>
                </c:pt>
                <c:pt idx="84" formatCode="0.00%">
                  <c:v>1.771E-2</c:v>
                </c:pt>
                <c:pt idx="85" formatCode="0.00%">
                  <c:v>1.772E-2</c:v>
                </c:pt>
                <c:pt idx="86" formatCode="0.00%">
                  <c:v>1.7600000000000001E-2</c:v>
                </c:pt>
                <c:pt idx="87" formatCode="0.00%">
                  <c:v>1.806E-2</c:v>
                </c:pt>
                <c:pt idx="88" formatCode="0.00%">
                  <c:v>1.866E-2</c:v>
                </c:pt>
                <c:pt idx="89" formatCode="0.00%">
                  <c:v>1.8749999999999999E-2</c:v>
                </c:pt>
                <c:pt idx="90" formatCode="0.00%">
                  <c:v>1.787E-2</c:v>
                </c:pt>
                <c:pt idx="91" formatCode="0.00%">
                  <c:v>1.7059999999999999E-2</c:v>
                </c:pt>
                <c:pt idx="92" formatCode="0.00%">
                  <c:v>1.745E-2</c:v>
                </c:pt>
                <c:pt idx="93" formatCode="0.00%">
                  <c:v>1.737E-2</c:v>
                </c:pt>
                <c:pt idx="94" formatCode="0.00%">
                  <c:v>1.7610000000000001E-2</c:v>
                </c:pt>
                <c:pt idx="95" formatCode="0.00%">
                  <c:v>1.7639999999999999E-2</c:v>
                </c:pt>
                <c:pt idx="96" formatCode="0.00%">
                  <c:v>1.7230000000000002E-2</c:v>
                </c:pt>
                <c:pt idx="97" formatCode="0.00%">
                  <c:v>1.7070000000000002E-2</c:v>
                </c:pt>
                <c:pt idx="98" formatCode="0.00%">
                  <c:v>1.6490000000000001E-2</c:v>
                </c:pt>
                <c:pt idx="99" formatCode="0.00%">
                  <c:v>1.6299999999999999E-2</c:v>
                </c:pt>
                <c:pt idx="100" formatCode="0.00%">
                  <c:v>1.512E-2</c:v>
                </c:pt>
                <c:pt idx="101" formatCode="0.00%">
                  <c:v>1.5109999999999998E-2</c:v>
                </c:pt>
                <c:pt idx="102" formatCode="0.00%">
                  <c:v>1.5520000000000001E-2</c:v>
                </c:pt>
                <c:pt idx="103" formatCode="0.00%">
                  <c:v>1.4830000000000001E-2</c:v>
                </c:pt>
                <c:pt idx="104" formatCode="0.00%">
                  <c:v>1.478E-2</c:v>
                </c:pt>
                <c:pt idx="105" formatCode="0.00%">
                  <c:v>1.494E-2</c:v>
                </c:pt>
                <c:pt idx="106" formatCode="0.00%">
                  <c:v>1.4530000000000001E-2</c:v>
                </c:pt>
                <c:pt idx="107" formatCode="0.00%">
                  <c:v>1.4630000000000001E-2</c:v>
                </c:pt>
                <c:pt idx="108" formatCode="0.00%">
                  <c:v>1.4250000000000001E-2</c:v>
                </c:pt>
                <c:pt idx="109" formatCode="0.00%">
                  <c:v>1.4039999999999999E-2</c:v>
                </c:pt>
                <c:pt idx="110" formatCode="0.00%">
                  <c:v>1.4119999999999999E-2</c:v>
                </c:pt>
                <c:pt idx="111" formatCode="0.00%">
                  <c:v>1.4590000000000001E-2</c:v>
                </c:pt>
                <c:pt idx="112" formatCode="0.00%">
                  <c:v>1.443E-2</c:v>
                </c:pt>
                <c:pt idx="113" formatCode="0.00%">
                  <c:v>1.417E-2</c:v>
                </c:pt>
                <c:pt idx="114" formatCode="0.00%">
                  <c:v>1.485E-2</c:v>
                </c:pt>
                <c:pt idx="115" formatCode="0.00%">
                  <c:v>1.5009999999999999E-2</c:v>
                </c:pt>
                <c:pt idx="116" formatCode="0.00%">
                  <c:v>1.5229999999999999E-2</c:v>
                </c:pt>
                <c:pt idx="117" formatCode="0.00%">
                  <c:v>1.4760000000000001E-2</c:v>
                </c:pt>
                <c:pt idx="118" formatCode="0.00%">
                  <c:v>1.436E-2</c:v>
                </c:pt>
                <c:pt idx="119" formatCode="0.00%">
                  <c:v>1.345E-2</c:v>
                </c:pt>
                <c:pt idx="120" formatCode="0.00%">
                  <c:v>1.4459999999999999E-2</c:v>
                </c:pt>
                <c:pt idx="121" formatCode="0.00%">
                  <c:v>1.405E-2</c:v>
                </c:pt>
                <c:pt idx="122" formatCode="0.00%">
                  <c:v>1.447E-2</c:v>
                </c:pt>
                <c:pt idx="123" formatCode="0.00%">
                  <c:v>1.5009999999999999E-2</c:v>
                </c:pt>
                <c:pt idx="124" formatCode="0.00%">
                  <c:v>1.4760000000000001E-2</c:v>
                </c:pt>
                <c:pt idx="125" formatCode="0.00%">
                  <c:v>1.6369999999999999E-2</c:v>
                </c:pt>
                <c:pt idx="126" formatCode="0.00%">
                  <c:v>1.668E-2</c:v>
                </c:pt>
                <c:pt idx="127" formatCode="0.00%">
                  <c:v>1.6250000000000001E-2</c:v>
                </c:pt>
                <c:pt idx="128" formatCode="0.00%">
                  <c:v>1.5489999999999999E-2</c:v>
                </c:pt>
                <c:pt idx="129" formatCode="0.00%">
                  <c:v>1.5859999999999999E-2</c:v>
                </c:pt>
                <c:pt idx="130" formatCode="0.00%">
                  <c:v>1.5900000000000001E-2</c:v>
                </c:pt>
                <c:pt idx="131" formatCode="0.00%">
                  <c:v>1.635E-2</c:v>
                </c:pt>
                <c:pt idx="132" formatCode="0.00%">
                  <c:v>1.6160000000000001E-2</c:v>
                </c:pt>
                <c:pt idx="133" formatCode="0.00%">
                  <c:v>1.5640000000000001E-2</c:v>
                </c:pt>
                <c:pt idx="134" formatCode="0.00%">
                  <c:v>1.5520000000000001E-2</c:v>
                </c:pt>
                <c:pt idx="135" formatCode="0.00%">
                  <c:v>1.4379999999999999E-2</c:v>
                </c:pt>
                <c:pt idx="136" formatCode="0.00%">
                  <c:v>1.4910000000000001E-2</c:v>
                </c:pt>
                <c:pt idx="137" formatCode="0.00%">
                  <c:v>1.4539999999999999E-2</c:v>
                </c:pt>
                <c:pt idx="138" formatCode="0.00%">
                  <c:v>1.529E-2</c:v>
                </c:pt>
                <c:pt idx="139" formatCode="0.00%">
                  <c:v>1.6049999999999998E-2</c:v>
                </c:pt>
                <c:pt idx="140" formatCode="0.00%">
                  <c:v>1.5509999999999999E-2</c:v>
                </c:pt>
                <c:pt idx="141" formatCode="0.00%">
                  <c:v>1.5569999999999999E-2</c:v>
                </c:pt>
                <c:pt idx="142" formatCode="0.00%">
                  <c:v>1.555E-2</c:v>
                </c:pt>
                <c:pt idx="143" formatCode="0.00%">
                  <c:v>1.5810000000000001E-2</c:v>
                </c:pt>
                <c:pt idx="144" formatCode="0.00%">
                  <c:v>1.5429999999999999E-2</c:v>
                </c:pt>
                <c:pt idx="145" formatCode="0.00%">
                  <c:v>1.609E-2</c:v>
                </c:pt>
                <c:pt idx="146" formatCode="0.00%">
                  <c:v>1.6330000000000001E-2</c:v>
                </c:pt>
                <c:pt idx="147" formatCode="0.00%">
                  <c:v>1.634E-2</c:v>
                </c:pt>
                <c:pt idx="148" formatCode="0.00%">
                  <c:v>1.703E-2</c:v>
                </c:pt>
                <c:pt idx="149" formatCode="0.00%">
                  <c:v>1.6579999999999998E-2</c:v>
                </c:pt>
                <c:pt idx="150" formatCode="0.00%">
                  <c:v>1.6390000000000002E-2</c:v>
                </c:pt>
                <c:pt idx="151" formatCode="0.00%">
                  <c:v>1.602E-2</c:v>
                </c:pt>
                <c:pt idx="152" formatCode="0.00%">
                  <c:v>1.5720000000000001E-2</c:v>
                </c:pt>
                <c:pt idx="153" formatCode="0.00%">
                  <c:v>1.512E-2</c:v>
                </c:pt>
                <c:pt idx="154" formatCode="0.00%">
                  <c:v>1.538E-2</c:v>
                </c:pt>
                <c:pt idx="155" formatCode="0.00%">
                  <c:v>1.5789999999999998E-2</c:v>
                </c:pt>
                <c:pt idx="156" formatCode="0.00%">
                  <c:v>1.6140000000000002E-2</c:v>
                </c:pt>
                <c:pt idx="157" formatCode="0.00%">
                  <c:v>1.5740000000000001E-2</c:v>
                </c:pt>
                <c:pt idx="158" formatCode="0.00%">
                  <c:v>1.521E-2</c:v>
                </c:pt>
                <c:pt idx="159" formatCode="0.00%">
                  <c:v>1.5269999999999999E-2</c:v>
                </c:pt>
                <c:pt idx="160" formatCode="0.00%">
                  <c:v>1.4800000000000001E-2</c:v>
                </c:pt>
                <c:pt idx="161" formatCode="0.00%">
                  <c:v>1.4619999999999999E-2</c:v>
                </c:pt>
                <c:pt idx="162" formatCode="0.00%">
                  <c:v>1.4879999999999999E-2</c:v>
                </c:pt>
                <c:pt idx="163" formatCode="0.00%">
                  <c:v>1.5180000000000001E-2</c:v>
                </c:pt>
                <c:pt idx="164" formatCode="0.00%">
                  <c:v>1.5389999999999999E-2</c:v>
                </c:pt>
                <c:pt idx="165" formatCode="0.00%">
                  <c:v>1.4879999999999999E-2</c:v>
                </c:pt>
                <c:pt idx="166" formatCode="0.00%">
                  <c:v>1.4530000000000001E-2</c:v>
                </c:pt>
                <c:pt idx="167" formatCode="0.00%">
                  <c:v>1.4319999999999999E-2</c:v>
                </c:pt>
                <c:pt idx="168" formatCode="0.00%">
                  <c:v>1.303E-2</c:v>
                </c:pt>
                <c:pt idx="169" formatCode="0.00%">
                  <c:v>1.324E-2</c:v>
                </c:pt>
                <c:pt idx="170" formatCode="0.00%">
                  <c:v>1.312E-2</c:v>
                </c:pt>
                <c:pt idx="171" formatCode="0.00%">
                  <c:v>1.3640000000000001E-2</c:v>
                </c:pt>
                <c:pt idx="172" formatCode="0.00%">
                  <c:v>1.3389999999999999E-2</c:v>
                </c:pt>
                <c:pt idx="173" formatCode="0.00%">
                  <c:v>1.3009999999999999E-2</c:v>
                </c:pt>
                <c:pt idx="174" formatCode="0.00%">
                  <c:v>1.2849999999999999E-2</c:v>
                </c:pt>
                <c:pt idx="175" formatCode="0.00%">
                  <c:v>1.328E-2</c:v>
                </c:pt>
                <c:pt idx="176" formatCode="0.00%">
                  <c:v>1.3440000000000001E-2</c:v>
                </c:pt>
                <c:pt idx="177" formatCode="0.00%">
                  <c:v>1.299E-2</c:v>
                </c:pt>
                <c:pt idx="178" formatCode="0.00%">
                  <c:v>1.3389999999999999E-2</c:v>
                </c:pt>
                <c:pt idx="179" formatCode="0.00%">
                  <c:v>1.374E-2</c:v>
                </c:pt>
                <c:pt idx="180" formatCode="0.00%">
                  <c:v>1.324E-2</c:v>
                </c:pt>
                <c:pt idx="181" formatCode="0.00%">
                  <c:v>1.2840000000000001E-2</c:v>
                </c:pt>
                <c:pt idx="182" formatCode="0.00%">
                  <c:v>1.295E-2</c:v>
                </c:pt>
                <c:pt idx="183" formatCode="0.00%">
                  <c:v>1.3100000000000001E-2</c:v>
                </c:pt>
                <c:pt idx="184" formatCode="0.00%">
                  <c:v>1.2809999999999998E-2</c:v>
                </c:pt>
                <c:pt idx="185" formatCode="0.00%">
                  <c:v>1.3089999999999999E-2</c:v>
                </c:pt>
                <c:pt idx="186" formatCode="0.00%">
                  <c:v>1.3509999999999999E-2</c:v>
                </c:pt>
                <c:pt idx="187" formatCode="0.00%">
                  <c:v>1.3420000000000001E-2</c:v>
                </c:pt>
                <c:pt idx="188" formatCode="0.00%">
                  <c:v>1.2960000000000001E-2</c:v>
                </c:pt>
                <c:pt idx="189" formatCode="0.00%">
                  <c:v>1.2529999999999999E-2</c:v>
                </c:pt>
                <c:pt idx="190" formatCode="0.00%">
                  <c:v>1.256E-2</c:v>
                </c:pt>
                <c:pt idx="191" formatCode="0.00%">
                  <c:v>1.244E-2</c:v>
                </c:pt>
                <c:pt idx="192" formatCode="0.00%">
                  <c:v>1.26E-2</c:v>
                </c:pt>
                <c:pt idx="193" formatCode="0.00%">
                  <c:v>1.2629999999999999E-2</c:v>
                </c:pt>
                <c:pt idx="194" formatCode="0.00%">
                  <c:v>1.2669999999999999E-2</c:v>
                </c:pt>
                <c:pt idx="195" formatCode="0.00%">
                  <c:v>1.278E-2</c:v>
                </c:pt>
                <c:pt idx="196" formatCode="0.00%">
                  <c:v>1.3610000000000001E-2</c:v>
                </c:pt>
                <c:pt idx="197" formatCode="0.00%">
                  <c:v>1.332E-2</c:v>
                </c:pt>
                <c:pt idx="198" formatCode="0.00%">
                  <c:v>1.3509999999999999E-2</c:v>
                </c:pt>
                <c:pt idx="199" formatCode="0.00%">
                  <c:v>1.325E-2</c:v>
                </c:pt>
                <c:pt idx="200" formatCode="0.00%">
                  <c:v>1.299E-2</c:v>
                </c:pt>
                <c:pt idx="201" formatCode="0.00%">
                  <c:v>1.2239999999999999E-2</c:v>
                </c:pt>
                <c:pt idx="202" formatCode="0.00%">
                  <c:v>1.184E-2</c:v>
                </c:pt>
                <c:pt idx="203" formatCode="0.00%">
                  <c:v>1.1730000000000001E-2</c:v>
                </c:pt>
                <c:pt idx="204" formatCode="0.00%">
                  <c:v>1.1779999999999999E-2</c:v>
                </c:pt>
                <c:pt idx="205" formatCode="0.00%">
                  <c:v>1.2239999999999999E-2</c:v>
                </c:pt>
                <c:pt idx="206" formatCode="0.00%">
                  <c:v>1.2699999999999999E-2</c:v>
                </c:pt>
                <c:pt idx="207" formatCode="0.00%">
                  <c:v>1.234E-2</c:v>
                </c:pt>
                <c:pt idx="208" formatCode="0.00%">
                  <c:v>1.2430000000000002E-2</c:v>
                </c:pt>
                <c:pt idx="209" formatCode="0.00%">
                  <c:v>1.291E-2</c:v>
                </c:pt>
                <c:pt idx="210" formatCode="0.00%">
                  <c:v>1.278E-2</c:v>
                </c:pt>
                <c:pt idx="211" formatCode="0.00%">
                  <c:v>1.2800000000000001E-2</c:v>
                </c:pt>
                <c:pt idx="212" formatCode="0.00%">
                  <c:v>1.29E-2</c:v>
                </c:pt>
                <c:pt idx="213" formatCode="0.00%">
                  <c:v>1.2239999999999999E-2</c:v>
                </c:pt>
                <c:pt idx="214" formatCode="0.00%">
                  <c:v>1.1899999999999999E-2</c:v>
                </c:pt>
                <c:pt idx="215" formatCode="0.00%">
                  <c:v>1.2920000000000001E-2</c:v>
                </c:pt>
                <c:pt idx="216" formatCode="0.00%">
                  <c:v>1.3000000000000001E-2</c:v>
                </c:pt>
                <c:pt idx="217" formatCode="0.00%">
                  <c:v>1.3480000000000001E-2</c:v>
                </c:pt>
                <c:pt idx="218" formatCode="0.00%">
                  <c:v>1.417E-2</c:v>
                </c:pt>
                <c:pt idx="219" formatCode="0.00%">
                  <c:v>1.366E-2</c:v>
                </c:pt>
                <c:pt idx="220" formatCode="0.00%">
                  <c:v>1.3610000000000001E-2</c:v>
                </c:pt>
                <c:pt idx="221" formatCode="0.00%">
                  <c:v>1.294E-2</c:v>
                </c:pt>
                <c:pt idx="222" formatCode="0.00%">
                  <c:v>1.3169999999999999E-2</c:v>
                </c:pt>
                <c:pt idx="223" formatCode="0.00%">
                  <c:v>1.3500000000000002E-2</c:v>
                </c:pt>
                <c:pt idx="224" formatCode="0.00%">
                  <c:v>1.426E-2</c:v>
                </c:pt>
                <c:pt idx="225" formatCode="0.00%">
                  <c:v>1.4590000000000001E-2</c:v>
                </c:pt>
                <c:pt idx="226" formatCode="0.00%">
                  <c:v>1.4690000000000002E-2</c:v>
                </c:pt>
                <c:pt idx="227" formatCode="0.00%">
                  <c:v>1.4710000000000001E-2</c:v>
                </c:pt>
                <c:pt idx="228" formatCode="0.00%">
                  <c:v>1.478E-2</c:v>
                </c:pt>
                <c:pt idx="229" formatCode="0.00%">
                  <c:v>1.525E-2</c:v>
                </c:pt>
                <c:pt idx="230" formatCode="0.00%">
                  <c:v>1.4930000000000001E-2</c:v>
                </c:pt>
                <c:pt idx="231" formatCode="0.00%">
                  <c:v>1.4870000000000001E-2</c:v>
                </c:pt>
                <c:pt idx="232" formatCode="0.00%">
                  <c:v>1.4650000000000002E-2</c:v>
                </c:pt>
                <c:pt idx="233" formatCode="0.00%">
                  <c:v>1.49E-2</c:v>
                </c:pt>
                <c:pt idx="234" formatCode="0.00%">
                  <c:v>1.44E-2</c:v>
                </c:pt>
                <c:pt idx="235" formatCode="0.00%">
                  <c:v>1.5069999999999998E-2</c:v>
                </c:pt>
                <c:pt idx="236" formatCode="0.00%">
                  <c:v>1.5780000000000002E-2</c:v>
                </c:pt>
                <c:pt idx="237" formatCode="0.00%">
                  <c:v>1.4930000000000001E-2</c:v>
                </c:pt>
                <c:pt idx="238" formatCode="0.00%">
                  <c:v>1.4959999999999999E-2</c:v>
                </c:pt>
                <c:pt idx="239" formatCode="0.00%">
                  <c:v>1.4530000000000001E-2</c:v>
                </c:pt>
                <c:pt idx="240" formatCode="0.00%">
                  <c:v>1.4339999999999999E-2</c:v>
                </c:pt>
                <c:pt idx="241" formatCode="0.00%">
                  <c:v>1.4919999999999999E-2</c:v>
                </c:pt>
                <c:pt idx="242" formatCode="0.00%">
                  <c:v>1.536E-2</c:v>
                </c:pt>
                <c:pt idx="243" formatCode="0.00%">
                  <c:v>1.5700000000000002E-2</c:v>
                </c:pt>
                <c:pt idx="244" formatCode="0.00%">
                  <c:v>1.555E-2</c:v>
                </c:pt>
                <c:pt idx="245" formatCode="0.00%">
                  <c:v>1.627E-2</c:v>
                </c:pt>
                <c:pt idx="246" formatCode="0.00%">
                  <c:v>1.5880000000000002E-2</c:v>
                </c:pt>
                <c:pt idx="247" formatCode="0.00%">
                  <c:v>1.6070000000000001E-2</c:v>
                </c:pt>
                <c:pt idx="248" formatCode="0.00%">
                  <c:v>1.5960000000000002E-2</c:v>
                </c:pt>
                <c:pt idx="249" formatCode="0.00%">
                  <c:v>1.609E-2</c:v>
                </c:pt>
                <c:pt idx="250" formatCode="0.00%">
                  <c:v>1.5769999999999999E-2</c:v>
                </c:pt>
                <c:pt idx="251" formatCode="0.00%">
                  <c:v>1.5600000000000001E-2</c:v>
                </c:pt>
                <c:pt idx="252" formatCode="0.00%">
                  <c:v>1.6029999999999999E-2</c:v>
                </c:pt>
                <c:pt idx="253" formatCode="0.00%">
                  <c:v>1.6220000000000002E-2</c:v>
                </c:pt>
                <c:pt idx="254" formatCode="0.00%">
                  <c:v>1.627E-2</c:v>
                </c:pt>
                <c:pt idx="255" formatCode="0.00%">
                  <c:v>1.6739999999999998E-2</c:v>
                </c:pt>
                <c:pt idx="256" formatCode="0.00%">
                  <c:v>1.6390000000000002E-2</c:v>
                </c:pt>
                <c:pt idx="257" formatCode="0.00%">
                  <c:v>1.651E-2</c:v>
                </c:pt>
                <c:pt idx="258" formatCode="0.00%">
                  <c:v>1.6299999999999999E-2</c:v>
                </c:pt>
                <c:pt idx="259" formatCode="0.00%">
                  <c:v>1.6579999999999998E-2</c:v>
                </c:pt>
                <c:pt idx="260" formatCode="0.00%">
                  <c:v>1.694E-2</c:v>
                </c:pt>
                <c:pt idx="261" formatCode="0.00%">
                  <c:v>1.6230000000000001E-2</c:v>
                </c:pt>
                <c:pt idx="262" formatCode="0.00%">
                  <c:v>1.6029999999999999E-2</c:v>
                </c:pt>
                <c:pt idx="263" formatCode="0.00%">
                  <c:v>1.5789999999999998E-2</c:v>
                </c:pt>
                <c:pt idx="264" formatCode="0.00%">
                  <c:v>1.5709999999999998E-2</c:v>
                </c:pt>
                <c:pt idx="265" formatCode="0.00%">
                  <c:v>1.5679999999999999E-2</c:v>
                </c:pt>
                <c:pt idx="266" formatCode="0.00%">
                  <c:v>1.593E-2</c:v>
                </c:pt>
                <c:pt idx="267" formatCode="0.00%">
                  <c:v>1.6E-2</c:v>
                </c:pt>
                <c:pt idx="268" formatCode="0.00%">
                  <c:v>1.6279999999999999E-2</c:v>
                </c:pt>
                <c:pt idx="269" formatCode="0.00%">
                  <c:v>1.636E-2</c:v>
                </c:pt>
                <c:pt idx="270" formatCode="0.00%">
                  <c:v>1.61E-2</c:v>
                </c:pt>
                <c:pt idx="271" formatCode="0.00%">
                  <c:v>1.6230000000000001E-2</c:v>
                </c:pt>
                <c:pt idx="272" formatCode="0.00%">
                  <c:v>1.5679999999999999E-2</c:v>
                </c:pt>
                <c:pt idx="273" formatCode="0.00%">
                  <c:v>1.5600000000000001E-2</c:v>
                </c:pt>
                <c:pt idx="274" formatCode="0.00%">
                  <c:v>1.54E-2</c:v>
                </c:pt>
                <c:pt idx="275" formatCode="0.00%">
                  <c:v>1.5560000000000001E-2</c:v>
                </c:pt>
                <c:pt idx="276" formatCode="0.00%">
                  <c:v>1.5609999999999999E-2</c:v>
                </c:pt>
                <c:pt idx="277" formatCode="0.00%">
                  <c:v>1.6060000000000001E-2</c:v>
                </c:pt>
                <c:pt idx="278" formatCode="0.00%">
                  <c:v>1.5820000000000001E-2</c:v>
                </c:pt>
                <c:pt idx="279" formatCode="0.00%">
                  <c:v>1.5780000000000002E-2</c:v>
                </c:pt>
                <c:pt idx="280" formatCode="0.00%">
                  <c:v>1.6330000000000001E-2</c:v>
                </c:pt>
                <c:pt idx="281" formatCode="0.00%">
                  <c:v>1.6160000000000001E-2</c:v>
                </c:pt>
                <c:pt idx="282" formatCode="0.00%">
                  <c:v>1.668E-2</c:v>
                </c:pt>
                <c:pt idx="283" formatCode="0.00%">
                  <c:v>1.66E-2</c:v>
                </c:pt>
                <c:pt idx="284" formatCode="0.00%">
                  <c:v>1.6209999999999999E-2</c:v>
                </c:pt>
                <c:pt idx="285" formatCode="0.00%">
                  <c:v>1.6750000000000001E-2</c:v>
                </c:pt>
                <c:pt idx="286" formatCode="0.00%">
                  <c:v>1.6579999999999998E-2</c:v>
                </c:pt>
                <c:pt idx="287" formatCode="0.00%">
                  <c:v>1.702E-2</c:v>
                </c:pt>
                <c:pt idx="288" formatCode="0.00%">
                  <c:v>1.6719999999999999E-2</c:v>
                </c:pt>
                <c:pt idx="289" formatCode="0.00%">
                  <c:v>1.7420000000000001E-2</c:v>
                </c:pt>
                <c:pt idx="290" formatCode="0.00%">
                  <c:v>1.7059999999999999E-2</c:v>
                </c:pt>
                <c:pt idx="291" formatCode="0.00%">
                  <c:v>1.7100000000000001E-2</c:v>
                </c:pt>
                <c:pt idx="292" formatCode="0.00%">
                  <c:v>1.678E-2</c:v>
                </c:pt>
                <c:pt idx="293" formatCode="0.00%">
                  <c:v>1.636E-2</c:v>
                </c:pt>
                <c:pt idx="294" formatCode="0.00%">
                  <c:v>1.61E-2</c:v>
                </c:pt>
                <c:pt idx="295" formatCode="0.00%">
                  <c:v>1.6220000000000002E-2</c:v>
                </c:pt>
                <c:pt idx="296" formatCode="0.00%">
                  <c:v>1.6959999999999999E-2</c:v>
                </c:pt>
                <c:pt idx="297" formatCode="0.00%">
                  <c:v>1.7230000000000002E-2</c:v>
                </c:pt>
                <c:pt idx="298" formatCode="0.00%">
                  <c:v>1.7100000000000001E-2</c:v>
                </c:pt>
                <c:pt idx="299" formatCode="0.00%">
                  <c:v>1.6449999999999999E-2</c:v>
                </c:pt>
                <c:pt idx="300" formatCode="0.00%">
                  <c:v>1.6200000000000003E-2</c:v>
                </c:pt>
                <c:pt idx="301" formatCode="0.00%">
                  <c:v>1.6060000000000001E-2</c:v>
                </c:pt>
                <c:pt idx="302" formatCode="0.00%">
                  <c:v>1.626E-2</c:v>
                </c:pt>
                <c:pt idx="303" formatCode="0.00%">
                  <c:v>1.5389999999999999E-2</c:v>
                </c:pt>
                <c:pt idx="304" formatCode="0.00%">
                  <c:v>1.52E-2</c:v>
                </c:pt>
                <c:pt idx="305" formatCode="0.00%">
                  <c:v>1.528E-2</c:v>
                </c:pt>
                <c:pt idx="306" formatCode="0.00%">
                  <c:v>1.592E-2</c:v>
                </c:pt>
                <c:pt idx="307" formatCode="0.00%">
                  <c:v>1.5679999999999999E-2</c:v>
                </c:pt>
                <c:pt idx="308" formatCode="0.00%">
                  <c:v>1.566E-2</c:v>
                </c:pt>
                <c:pt idx="309" formatCode="0.00%">
                  <c:v>1.4830000000000001E-2</c:v>
                </c:pt>
                <c:pt idx="310" formatCode="0.00%">
                  <c:v>1.393E-2</c:v>
                </c:pt>
                <c:pt idx="311" formatCode="0.00%">
                  <c:v>1.4190000000000001E-2</c:v>
                </c:pt>
                <c:pt idx="312" formatCode="0.00%">
                  <c:v>1.4070000000000001E-2</c:v>
                </c:pt>
                <c:pt idx="313" formatCode="0.00%">
                  <c:v>1.5229999999999999E-2</c:v>
                </c:pt>
                <c:pt idx="314" formatCode="0.00%">
                  <c:v>1.3769999999999999E-2</c:v>
                </c:pt>
                <c:pt idx="315" formatCode="0.00%">
                  <c:v>1.3429999999999999E-2</c:v>
                </c:pt>
                <c:pt idx="316" formatCode="0.00%">
                  <c:v>1.366E-2</c:v>
                </c:pt>
                <c:pt idx="317" formatCode="0.00%">
                  <c:v>1.3389999999999999E-2</c:v>
                </c:pt>
                <c:pt idx="318" formatCode="0.00%">
                  <c:v>1.2960000000000001E-2</c:v>
                </c:pt>
                <c:pt idx="319" formatCode="0.00%">
                  <c:v>1.272E-2</c:v>
                </c:pt>
                <c:pt idx="320" formatCode="0.00%">
                  <c:v>1.316E-2</c:v>
                </c:pt>
                <c:pt idx="321" formatCode="0.00%">
                  <c:v>1.2110000000000001E-2</c:v>
                </c:pt>
                <c:pt idx="322" formatCode="0.00%">
                  <c:v>1.1659999999999998E-2</c:v>
                </c:pt>
                <c:pt idx="323" formatCode="0.00%">
                  <c:v>1.123E-2</c:v>
                </c:pt>
                <c:pt idx="324" formatCode="0.00%">
                  <c:v>1.159E-2</c:v>
                </c:pt>
                <c:pt idx="325" formatCode="0.00%">
                  <c:v>1.171E-2</c:v>
                </c:pt>
                <c:pt idx="326" formatCode="0.00%">
                  <c:v>1.1650000000000001E-2</c:v>
                </c:pt>
                <c:pt idx="327" formatCode="0.00%">
                  <c:v>1.141E-2</c:v>
                </c:pt>
                <c:pt idx="328" formatCode="0.00%">
                  <c:v>1.1390000000000001E-2</c:v>
                </c:pt>
                <c:pt idx="329" formatCode="0.00%">
                  <c:v>1.098E-2</c:v>
                </c:pt>
                <c:pt idx="330" formatCode="0.00%">
                  <c:v>1.081E-2</c:v>
                </c:pt>
                <c:pt idx="331" formatCode="0.00%">
                  <c:v>1.0669999999999999E-2</c:v>
                </c:pt>
                <c:pt idx="332" formatCode="0.00%">
                  <c:v>1.047E-2</c:v>
                </c:pt>
                <c:pt idx="333" formatCode="0.00%">
                  <c:v>1.018E-2</c:v>
                </c:pt>
                <c:pt idx="334" formatCode="0.00%">
                  <c:v>1.0360000000000001E-2</c:v>
                </c:pt>
                <c:pt idx="335" formatCode="0.00%">
                  <c:v>1.031E-2</c:v>
                </c:pt>
                <c:pt idx="336" formatCode="0.00%">
                  <c:v>1.0869999999999999E-2</c:v>
                </c:pt>
                <c:pt idx="337" formatCode="0.00%">
                  <c:v>1.107E-2</c:v>
                </c:pt>
                <c:pt idx="338" formatCode="0.00%">
                  <c:v>1.081E-2</c:v>
                </c:pt>
                <c:pt idx="339" formatCode="0.00%">
                  <c:v>1.089E-2</c:v>
                </c:pt>
                <c:pt idx="340" formatCode="0.00%">
                  <c:v>1.0840000000000001E-2</c:v>
                </c:pt>
                <c:pt idx="341" formatCode="0.00%">
                  <c:v>1.1299999999999999E-2</c:v>
                </c:pt>
                <c:pt idx="342" formatCode="0.00%">
                  <c:v>1.0840000000000001E-2</c:v>
                </c:pt>
                <c:pt idx="343" formatCode="0.00%">
                  <c:v>1.1299999999999999E-2</c:v>
                </c:pt>
                <c:pt idx="344" formatCode="0.00%">
                  <c:v>1.1470000000000001E-2</c:v>
                </c:pt>
                <c:pt idx="345" formatCode="0.00%">
                  <c:v>1.1169999999999999E-2</c:v>
                </c:pt>
                <c:pt idx="346" formatCode="0.00%">
                  <c:v>1.081E-2</c:v>
                </c:pt>
                <c:pt idx="347" formatCode="0.00%">
                  <c:v>1.038E-2</c:v>
                </c:pt>
                <c:pt idx="348" formatCode="0.00%">
                  <c:v>9.5700000000000004E-3</c:v>
                </c:pt>
                <c:pt idx="349" formatCode="0.00%">
                  <c:v>9.1400000000000006E-3</c:v>
                </c:pt>
                <c:pt idx="350" formatCode="0.00%">
                  <c:v>9.1599999999999997E-3</c:v>
                </c:pt>
                <c:pt idx="351" formatCode="0.00%">
                  <c:v>9.2500000000000013E-3</c:v>
                </c:pt>
                <c:pt idx="352" formatCode="0.00%">
                  <c:v>9.389999999999999E-3</c:v>
                </c:pt>
                <c:pt idx="353" formatCode="0.00%">
                  <c:v>9.2500000000000013E-3</c:v>
                </c:pt>
                <c:pt idx="354" formatCode="0.00%">
                  <c:v>9.2600000000000009E-3</c:v>
                </c:pt>
                <c:pt idx="355" formatCode="0.00%">
                  <c:v>9.4500000000000001E-3</c:v>
                </c:pt>
                <c:pt idx="356" formatCode="0.00%">
                  <c:v>9.1800000000000007E-3</c:v>
                </c:pt>
                <c:pt idx="357" formatCode="0.00%">
                  <c:v>9.3500000000000007E-3</c:v>
                </c:pt>
                <c:pt idx="358" formatCode="0.00%">
                  <c:v>9.4900000000000002E-3</c:v>
                </c:pt>
                <c:pt idx="359" formatCode="0.00%">
                  <c:v>9.3400000000000011E-3</c:v>
                </c:pt>
                <c:pt idx="360" formatCode="0.00%">
                  <c:v>9.1800000000000007E-3</c:v>
                </c:pt>
                <c:pt idx="361" formatCode="0.00%">
                  <c:v>9.1000000000000004E-3</c:v>
                </c:pt>
                <c:pt idx="362" formatCode="0.00%">
                  <c:v>8.94E-3</c:v>
                </c:pt>
                <c:pt idx="363" formatCode="0.00%">
                  <c:v>8.9800000000000001E-3</c:v>
                </c:pt>
                <c:pt idx="364" formatCode="0.00%">
                  <c:v>9.0799999999999995E-3</c:v>
                </c:pt>
                <c:pt idx="365" formatCode="0.00%">
                  <c:v>9.3699999999999999E-3</c:v>
                </c:pt>
                <c:pt idx="366" formatCode="0.00%">
                  <c:v>9.1999999999999998E-3</c:v>
                </c:pt>
                <c:pt idx="367" formatCode="0.00%">
                  <c:v>9.2399999999999999E-3</c:v>
                </c:pt>
                <c:pt idx="368" formatCode="0.00%">
                  <c:v>9.6799999999999994E-3</c:v>
                </c:pt>
                <c:pt idx="369" formatCode="0.00%">
                  <c:v>9.0699999999999999E-3</c:v>
                </c:pt>
                <c:pt idx="370" formatCode="0.00%">
                  <c:v>9.3699999999999999E-3</c:v>
                </c:pt>
                <c:pt idx="371" formatCode="0.00%">
                  <c:v>9.2800000000000001E-3</c:v>
                </c:pt>
                <c:pt idx="372" formatCode="0.00%">
                  <c:v>8.4099999999999991E-3</c:v>
                </c:pt>
                <c:pt idx="373" formatCode="0.00%">
                  <c:v>8.3899999999999999E-3</c:v>
                </c:pt>
                <c:pt idx="374" formatCode="0.00%">
                  <c:v>8.8199999999999997E-3</c:v>
                </c:pt>
                <c:pt idx="375" formatCode="0.00%">
                  <c:v>8.8100000000000001E-3</c:v>
                </c:pt>
                <c:pt idx="376" formatCode="0.00%">
                  <c:v>8.5500000000000003E-3</c:v>
                </c:pt>
                <c:pt idx="377" formatCode="0.00%">
                  <c:v>8.2500000000000004E-3</c:v>
                </c:pt>
                <c:pt idx="378" formatCode="0.00%">
                  <c:v>8.3000000000000001E-3</c:v>
                </c:pt>
                <c:pt idx="379" formatCode="0.00%">
                  <c:v>8.7100000000000007E-3</c:v>
                </c:pt>
                <c:pt idx="380" formatCode="0.00%">
                  <c:v>8.5900000000000004E-3</c:v>
                </c:pt>
                <c:pt idx="381" formatCode="0.00%">
                  <c:v>9.0799999999999995E-3</c:v>
                </c:pt>
                <c:pt idx="382" formatCode="0.00%">
                  <c:v>8.9800000000000001E-3</c:v>
                </c:pt>
                <c:pt idx="383" formatCode="0.00%">
                  <c:v>8.8199999999999997E-3</c:v>
                </c:pt>
                <c:pt idx="384" formatCode="0.00%">
                  <c:v>9.6100000000000005E-3</c:v>
                </c:pt>
                <c:pt idx="385" formatCode="0.00%">
                  <c:v>9.2399999999999999E-3</c:v>
                </c:pt>
                <c:pt idx="386" formatCode="0.00%">
                  <c:v>8.199999999999999E-3</c:v>
                </c:pt>
                <c:pt idx="387" formatCode="0.00%">
                  <c:v>7.6400000000000001E-3</c:v>
                </c:pt>
                <c:pt idx="388" formatCode="0.00%">
                  <c:v>7.6500000000000005E-3</c:v>
                </c:pt>
                <c:pt idx="389" formatCode="0.00%">
                  <c:v>9.0000000000000011E-3</c:v>
                </c:pt>
                <c:pt idx="390" formatCode="0.00%">
                  <c:v>8.4499999999999992E-3</c:v>
                </c:pt>
                <c:pt idx="391" formatCode="0.00%">
                  <c:v>8.7500000000000008E-3</c:v>
                </c:pt>
                <c:pt idx="392" formatCode="0.00%">
                  <c:v>8.2399999999999991E-3</c:v>
                </c:pt>
                <c:pt idx="393" formatCode="0.00%">
                  <c:v>7.7299999999999999E-3</c:v>
                </c:pt>
                <c:pt idx="394" formatCode="0.00%">
                  <c:v>7.6899999999999998E-3</c:v>
                </c:pt>
                <c:pt idx="395" formatCode="0.00%">
                  <c:v>8.0300000000000007E-3</c:v>
                </c:pt>
                <c:pt idx="396" formatCode="0.00%">
                  <c:v>8.4399999999999996E-3</c:v>
                </c:pt>
                <c:pt idx="397" formatCode="0.00%">
                  <c:v>8.5699999999999995E-3</c:v>
                </c:pt>
                <c:pt idx="398" formatCode="0.00%">
                  <c:v>8.2399999999999991E-3</c:v>
                </c:pt>
                <c:pt idx="399" formatCode="0.00%">
                  <c:v>7.8700000000000003E-3</c:v>
                </c:pt>
                <c:pt idx="400" formatCode="0.00%">
                  <c:v>7.7099999999999998E-3</c:v>
                </c:pt>
                <c:pt idx="401" formatCode="0.00%">
                  <c:v>7.4599999999999996E-3</c:v>
                </c:pt>
                <c:pt idx="402" formatCode="0.00%">
                  <c:v>7.3299999999999997E-3</c:v>
                </c:pt>
                <c:pt idx="403" formatCode="0.00%">
                  <c:v>7.26E-3</c:v>
                </c:pt>
                <c:pt idx="404" formatCode="0.00%">
                  <c:v>7.28E-3</c:v>
                </c:pt>
                <c:pt idx="405" formatCode="0.00%">
                  <c:v>7.7600000000000004E-3</c:v>
                </c:pt>
                <c:pt idx="406" formatCode="0.00%">
                  <c:v>7.8600000000000007E-3</c:v>
                </c:pt>
                <c:pt idx="407" formatCode="0.00%">
                  <c:v>7.8799999999999999E-3</c:v>
                </c:pt>
                <c:pt idx="408" formatCode="0.00%">
                  <c:v>7.3600000000000002E-3</c:v>
                </c:pt>
                <c:pt idx="409" formatCode="0.00%">
                  <c:v>7.8300000000000002E-3</c:v>
                </c:pt>
                <c:pt idx="410" formatCode="0.00%">
                  <c:v>7.0199999999999993E-3</c:v>
                </c:pt>
                <c:pt idx="411" formatCode="0.00%">
                  <c:v>6.7900000000000009E-3</c:v>
                </c:pt>
                <c:pt idx="412" formatCode="0.00%">
                  <c:v>6.8500000000000002E-3</c:v>
                </c:pt>
                <c:pt idx="413" formatCode="0.00%">
                  <c:v>6.5000000000000006E-3</c:v>
                </c:pt>
                <c:pt idx="414" formatCode="0.00%">
                  <c:v>6.5400000000000007E-3</c:v>
                </c:pt>
                <c:pt idx="415" formatCode="0.00%">
                  <c:v>6.5599999999999999E-3</c:v>
                </c:pt>
                <c:pt idx="416" formatCode="0.00%">
                  <c:v>6.6800000000000002E-3</c:v>
                </c:pt>
                <c:pt idx="417" formatCode="0.00%">
                  <c:v>6.7300000000000007E-3</c:v>
                </c:pt>
                <c:pt idx="418" formatCode="0.00%">
                  <c:v>6.7200000000000003E-3</c:v>
                </c:pt>
                <c:pt idx="419" formatCode="0.00%">
                  <c:v>6.6700000000000006E-3</c:v>
                </c:pt>
                <c:pt idx="420" formatCode="0.00%">
                  <c:v>6.9499999999999996E-3</c:v>
                </c:pt>
                <c:pt idx="421" formatCode="0.00%">
                  <c:v>6.8999999999999999E-3</c:v>
                </c:pt>
                <c:pt idx="422" formatCode="0.00%">
                  <c:v>6.9899999999999997E-3</c:v>
                </c:pt>
                <c:pt idx="423" formatCode="0.00%">
                  <c:v>6.8100000000000001E-3</c:v>
                </c:pt>
                <c:pt idx="424" formatCode="0.00%">
                  <c:v>6.7400000000000003E-3</c:v>
                </c:pt>
                <c:pt idx="425" formatCode="0.00%">
                  <c:v>6.6700000000000006E-3</c:v>
                </c:pt>
                <c:pt idx="426" formatCode="0.00%">
                  <c:v>6.7800000000000004E-3</c:v>
                </c:pt>
                <c:pt idx="427" formatCode="0.00%">
                  <c:v>7.0199999999999993E-3</c:v>
                </c:pt>
                <c:pt idx="428" formatCode="0.00%">
                  <c:v>6.8000000000000005E-3</c:v>
                </c:pt>
                <c:pt idx="429" formatCode="0.00%">
                  <c:v>7.1899999999999993E-3</c:v>
                </c:pt>
                <c:pt idx="430" formatCode="0.00%">
                  <c:v>6.3600000000000002E-3</c:v>
                </c:pt>
                <c:pt idx="431" formatCode="0.00%">
                  <c:v>6.4900000000000001E-3</c:v>
                </c:pt>
                <c:pt idx="432" formatCode="0.00%">
                  <c:v>6.7000000000000002E-3</c:v>
                </c:pt>
                <c:pt idx="433" formatCode="0.00%">
                  <c:v>7.0599999999999994E-3</c:v>
                </c:pt>
                <c:pt idx="434" formatCode="0.00%">
                  <c:v>7.2399999999999999E-3</c:v>
                </c:pt>
                <c:pt idx="435" formatCode="0.00%">
                  <c:v>7.5300000000000002E-3</c:v>
                </c:pt>
                <c:pt idx="436" formatCode="0.00%">
                  <c:v>6.8899999999999994E-3</c:v>
                </c:pt>
                <c:pt idx="437" formatCode="0.00%">
                  <c:v>6.8400000000000006E-3</c:v>
                </c:pt>
                <c:pt idx="438" formatCode="0.00%">
                  <c:v>6.5500000000000003E-3</c:v>
                </c:pt>
                <c:pt idx="439" formatCode="0.00%">
                  <c:v>6.3E-3</c:v>
                </c:pt>
                <c:pt idx="440" formatCode="0.00%">
                  <c:v>6.5200000000000006E-3</c:v>
                </c:pt>
                <c:pt idx="441" formatCode="0.00%">
                  <c:v>6.8200000000000005E-3</c:v>
                </c:pt>
                <c:pt idx="442" formatCode="0.00%">
                  <c:v>6.7000000000000002E-3</c:v>
                </c:pt>
                <c:pt idx="443" formatCode="0.00%">
                  <c:v>6.8899999999999994E-3</c:v>
                </c:pt>
                <c:pt idx="444" formatCode="0.00%">
                  <c:v>7.0999999999999995E-3</c:v>
                </c:pt>
                <c:pt idx="445" formatCode="0.00%">
                  <c:v>7.2199999999999999E-3</c:v>
                </c:pt>
                <c:pt idx="446" formatCode="0.00%">
                  <c:v>6.7600000000000004E-3</c:v>
                </c:pt>
                <c:pt idx="447" formatCode="0.00%">
                  <c:v>6.4200000000000004E-3</c:v>
                </c:pt>
                <c:pt idx="448" formatCode="0.00%">
                  <c:v>5.77E-3</c:v>
                </c:pt>
                <c:pt idx="449" formatCode="0.00%">
                  <c:v>5.6499999999999996E-3</c:v>
                </c:pt>
                <c:pt idx="450" formatCode="0.00%">
                  <c:v>5.3700000000000006E-3</c:v>
                </c:pt>
                <c:pt idx="451" formatCode="0.00%">
                  <c:v>5.4900000000000001E-3</c:v>
                </c:pt>
                <c:pt idx="452" formatCode="0.00%">
                  <c:v>5.0800000000000003E-3</c:v>
                </c:pt>
                <c:pt idx="453" formatCode="0.00%">
                  <c:v>5.5600000000000007E-3</c:v>
                </c:pt>
                <c:pt idx="454" formatCode="0.00%">
                  <c:v>5.2900000000000004E-3</c:v>
                </c:pt>
                <c:pt idx="455" formatCode="0.00%">
                  <c:v>5.4800000000000005E-3</c:v>
                </c:pt>
                <c:pt idx="456" formatCode="0.00%">
                  <c:v>5.7599999999999995E-3</c:v>
                </c:pt>
                <c:pt idx="457" formatCode="0.00%">
                  <c:v>5.7999999999999996E-3</c:v>
                </c:pt>
                <c:pt idx="458" formatCode="0.00%">
                  <c:v>6.1599999999999997E-3</c:v>
                </c:pt>
                <c:pt idx="459" formatCode="0.00%">
                  <c:v>5.8999999999999999E-3</c:v>
                </c:pt>
                <c:pt idx="460" formatCode="0.00%">
                  <c:v>5.79E-3</c:v>
                </c:pt>
                <c:pt idx="461" formatCode="0.00%">
                  <c:v>5.9899999999999997E-3</c:v>
                </c:pt>
                <c:pt idx="462" formatCode="0.00%">
                  <c:v>6.0200000000000002E-3</c:v>
                </c:pt>
                <c:pt idx="463" formatCode="0.00%">
                  <c:v>6.1199999999999996E-3</c:v>
                </c:pt>
                <c:pt idx="464" formatCode="0.00%">
                  <c:v>6.2700000000000004E-3</c:v>
                </c:pt>
                <c:pt idx="465" formatCode="0.00%">
                  <c:v>6.1799999999999997E-3</c:v>
                </c:pt>
                <c:pt idx="466" formatCode="0.00%">
                  <c:v>6.3099999999999996E-3</c:v>
                </c:pt>
                <c:pt idx="467" formatCode="0.00%">
                  <c:v>6.2399999999999999E-3</c:v>
                </c:pt>
                <c:pt idx="468" formatCode="0.00%">
                  <c:v>6.1900000000000002E-3</c:v>
                </c:pt>
                <c:pt idx="469" formatCode="0.00%">
                  <c:v>6.4600000000000005E-3</c:v>
                </c:pt>
                <c:pt idx="470" formatCode="0.00%">
                  <c:v>6.1399999999999996E-3</c:v>
                </c:pt>
                <c:pt idx="471" formatCode="0.00%">
                  <c:v>6.6500000000000005E-3</c:v>
                </c:pt>
                <c:pt idx="472" formatCode="0.00%">
                  <c:v>6.4099999999999999E-3</c:v>
                </c:pt>
                <c:pt idx="473" formatCode="0.00%">
                  <c:v>6.7800000000000004E-3</c:v>
                </c:pt>
                <c:pt idx="474" formatCode="0.00%">
                  <c:v>6.7000000000000002E-3</c:v>
                </c:pt>
                <c:pt idx="475" formatCode="0.00%">
                  <c:v>6.7700000000000008E-3</c:v>
                </c:pt>
                <c:pt idx="476" formatCode="0.00%">
                  <c:v>6.5700000000000003E-3</c:v>
                </c:pt>
                <c:pt idx="477" formatCode="0.00%">
                  <c:v>6.2399999999999999E-3</c:v>
                </c:pt>
                <c:pt idx="478" formatCode="0.00%">
                  <c:v>6.4200000000000004E-3</c:v>
                </c:pt>
                <c:pt idx="479" formatCode="0.00%">
                  <c:v>6.8600000000000006E-3</c:v>
                </c:pt>
                <c:pt idx="480" formatCode="0.00%">
                  <c:v>6.8000000000000005E-3</c:v>
                </c:pt>
                <c:pt idx="481" formatCode="0.00%">
                  <c:v>7.1300000000000001E-3</c:v>
                </c:pt>
                <c:pt idx="482" formatCode="0.00%">
                  <c:v>7.0899999999999999E-3</c:v>
                </c:pt>
                <c:pt idx="483" formatCode="0.00%">
                  <c:v>6.9499999999999996E-3</c:v>
                </c:pt>
                <c:pt idx="484" formatCode="0.00%">
                  <c:v>7.0899999999999999E-3</c:v>
                </c:pt>
                <c:pt idx="485" formatCode="0.00%">
                  <c:v>7.3899999999999999E-3</c:v>
                </c:pt>
                <c:pt idx="486" formatCode="0.00%">
                  <c:v>7.5399999999999998E-3</c:v>
                </c:pt>
                <c:pt idx="487" formatCode="0.00%">
                  <c:v>7.2199999999999999E-3</c:v>
                </c:pt>
                <c:pt idx="488" formatCode="0.00%">
                  <c:v>7.0499999999999998E-3</c:v>
                </c:pt>
                <c:pt idx="489" formatCode="0.00%">
                  <c:v>6.7100000000000007E-3</c:v>
                </c:pt>
                <c:pt idx="490" formatCode="0.00%">
                  <c:v>7.28E-3</c:v>
                </c:pt>
                <c:pt idx="491" formatCode="0.00%">
                  <c:v>8.26E-3</c:v>
                </c:pt>
                <c:pt idx="492" formatCode="0.00%">
                  <c:v>8.7600000000000004E-3</c:v>
                </c:pt>
                <c:pt idx="493" formatCode="0.00%">
                  <c:v>8.9600000000000009E-3</c:v>
                </c:pt>
                <c:pt idx="494" formatCode="0.00%">
                  <c:v>8.2500000000000004E-3</c:v>
                </c:pt>
                <c:pt idx="495" formatCode="0.00%">
                  <c:v>7.4700000000000001E-3</c:v>
                </c:pt>
                <c:pt idx="496" formatCode="0.00%">
                  <c:v>6.8600000000000006E-3</c:v>
                </c:pt>
                <c:pt idx="497" formatCode="0.00%">
                  <c:v>6.6E-3</c:v>
                </c:pt>
                <c:pt idx="498" formatCode="0.00%">
                  <c:v>6.5300000000000002E-3</c:v>
                </c:pt>
                <c:pt idx="499" formatCode="0.00%">
                  <c:v>6.9199999999999991E-3</c:v>
                </c:pt>
                <c:pt idx="500" formatCode="0.00%">
                  <c:v>6.8300000000000001E-3</c:v>
                </c:pt>
                <c:pt idx="501" formatCode="0.00%">
                  <c:v>6.9799999999999992E-3</c:v>
                </c:pt>
                <c:pt idx="502" formatCode="0.00%">
                  <c:v>6.6E-3</c:v>
                </c:pt>
                <c:pt idx="503" formatCode="0.00%">
                  <c:v>6.7300000000000007E-3</c:v>
                </c:pt>
                <c:pt idx="504" formatCode="0.00%">
                  <c:v>6.8100000000000001E-3</c:v>
                </c:pt>
                <c:pt idx="505" formatCode="0.00%">
                  <c:v>6.8999999999999999E-3</c:v>
                </c:pt>
                <c:pt idx="506" formatCode="0.00%">
                  <c:v>7.2699999999999996E-3</c:v>
                </c:pt>
                <c:pt idx="507" formatCode="0.00%">
                  <c:v>6.4400000000000004E-3</c:v>
                </c:pt>
                <c:pt idx="508" formatCode="0.00%">
                  <c:v>6.2300000000000003E-3</c:v>
                </c:pt>
                <c:pt idx="509" formatCode="0.00%">
                  <c:v>6.5300000000000002E-3</c:v>
                </c:pt>
                <c:pt idx="510" formatCode="0.00%">
                  <c:v>6.6600000000000001E-3</c:v>
                </c:pt>
                <c:pt idx="511" formatCode="0.00%">
                  <c:v>7.11E-3</c:v>
                </c:pt>
                <c:pt idx="512" formatCode="0.00%">
                  <c:v>6.8500000000000002E-3</c:v>
                </c:pt>
                <c:pt idx="513" formatCode="0.00%">
                  <c:v>6.4200000000000004E-3</c:v>
                </c:pt>
                <c:pt idx="514" formatCode="0.00%">
                  <c:v>7.0399999999999994E-3</c:v>
                </c:pt>
                <c:pt idx="515" formatCode="0.00%">
                  <c:v>6.6300000000000005E-3</c:v>
                </c:pt>
                <c:pt idx="516" formatCode="0.00%">
                  <c:v>6.3600000000000002E-3</c:v>
                </c:pt>
                <c:pt idx="517" formatCode="0.00%">
                  <c:v>6.1399999999999996E-3</c:v>
                </c:pt>
                <c:pt idx="518" formatCode="0.00%">
                  <c:v>6.4000000000000003E-3</c:v>
                </c:pt>
                <c:pt idx="519" formatCode="0.00%">
                  <c:v>6.28E-3</c:v>
                </c:pt>
                <c:pt idx="520" formatCode="0.00%">
                  <c:v>6.1399999999999996E-3</c:v>
                </c:pt>
                <c:pt idx="521" formatCode="0.00%">
                  <c:v>6.6100000000000004E-3</c:v>
                </c:pt>
                <c:pt idx="522" formatCode="0.00%">
                  <c:v>6.0200000000000002E-3</c:v>
                </c:pt>
                <c:pt idx="523" formatCode="0.00%">
                  <c:v>6.0299999999999998E-3</c:v>
                </c:pt>
                <c:pt idx="524" formatCode="0.00%">
                  <c:v>6.2100000000000002E-3</c:v>
                </c:pt>
                <c:pt idx="525" formatCode="0.00%">
                  <c:v>5.7099999999999998E-3</c:v>
                </c:pt>
                <c:pt idx="526" formatCode="0.00%">
                  <c:v>6.0699999999999999E-3</c:v>
                </c:pt>
                <c:pt idx="527" formatCode="0.00%">
                  <c:v>6.43E-3</c:v>
                </c:pt>
                <c:pt idx="528" formatCode="0.00%">
                  <c:v>6.28E-3</c:v>
                </c:pt>
                <c:pt idx="529" formatCode="0.00%">
                  <c:v>6.3200000000000001E-3</c:v>
                </c:pt>
                <c:pt idx="530" formatCode="0.00%">
                  <c:v>7.5399999999999998E-3</c:v>
                </c:pt>
                <c:pt idx="531" formatCode="0.00%">
                  <c:v>7.7400000000000004E-3</c:v>
                </c:pt>
                <c:pt idx="532" formatCode="0.00%">
                  <c:v>7.2099999999999994E-3</c:v>
                </c:pt>
                <c:pt idx="533" formatCode="0.00%">
                  <c:v>7.7299999999999999E-3</c:v>
                </c:pt>
                <c:pt idx="534" formatCode="0.00%">
                  <c:v>7.1399999999999996E-3</c:v>
                </c:pt>
                <c:pt idx="535" formatCode="0.00%">
                  <c:v>6.7200000000000003E-3</c:v>
                </c:pt>
                <c:pt idx="536" formatCode="0.00%">
                  <c:v>5.9699999999999996E-3</c:v>
                </c:pt>
                <c:pt idx="537" formatCode="0.00%">
                  <c:v>5.9899999999999997E-3</c:v>
                </c:pt>
                <c:pt idx="538" formatCode="0.00%">
                  <c:v>5.8399999999999997E-3</c:v>
                </c:pt>
                <c:pt idx="539" formatCode="0.00%">
                  <c:v>6.7000000000000002E-3</c:v>
                </c:pt>
                <c:pt idx="540" formatCode="0.00%">
                  <c:v>7.2899999999999996E-3</c:v>
                </c:pt>
                <c:pt idx="541" formatCode="0.00%">
                  <c:v>6.7900000000000009E-3</c:v>
                </c:pt>
                <c:pt idx="542" formatCode="0.00%">
                  <c:v>8.4899999999999993E-3</c:v>
                </c:pt>
                <c:pt idx="543" formatCode="0.00%">
                  <c:v>8.6999999999999994E-3</c:v>
                </c:pt>
                <c:pt idx="544" formatCode="0.00%">
                  <c:v>8.5000000000000006E-3</c:v>
                </c:pt>
                <c:pt idx="545" formatCode="0.00%">
                  <c:v>7.8900000000000012E-3</c:v>
                </c:pt>
                <c:pt idx="546" formatCode="0.00%">
                  <c:v>8.4799999999999997E-3</c:v>
                </c:pt>
                <c:pt idx="547" formatCode="0.00%">
                  <c:v>1.1439999999999999E-2</c:v>
                </c:pt>
                <c:pt idx="548" formatCode="0.00%">
                  <c:v>1.1950000000000001E-2</c:v>
                </c:pt>
                <c:pt idx="549" formatCode="0.00%">
                  <c:v>1.0820000000000001E-2</c:v>
                </c:pt>
                <c:pt idx="550" formatCode="0.00%">
                  <c:v>7.2099999999999994E-3</c:v>
                </c:pt>
                <c:pt idx="551" formatCode="0.00%">
                  <c:v>9.6399999999999993E-3</c:v>
                </c:pt>
                <c:pt idx="552" formatCode="0.00%">
                  <c:v>8.1100000000000009E-3</c:v>
                </c:pt>
                <c:pt idx="553" formatCode="0.00%">
                  <c:v>8.7200000000000003E-3</c:v>
                </c:pt>
                <c:pt idx="554" formatCode="0.00%">
                  <c:v>8.0499999999999999E-3</c:v>
                </c:pt>
                <c:pt idx="555" formatCode="0.00%">
                  <c:v>5.4300000000000008E-3</c:v>
                </c:pt>
                <c:pt idx="556" formatCode="0.00%">
                  <c:v>7.6400000000000001E-3</c:v>
                </c:pt>
                <c:pt idx="557" formatCode="0.00%">
                  <c:v>9.1400000000000006E-3</c:v>
                </c:pt>
                <c:pt idx="558" formatCode="0.00%">
                  <c:v>1.0540000000000001E-2</c:v>
                </c:pt>
                <c:pt idx="559" formatCode="0.00%">
                  <c:v>1.0009999999999998E-2</c:v>
                </c:pt>
                <c:pt idx="560" formatCode="0.00%">
                  <c:v>1.1650000000000001E-2</c:v>
                </c:pt>
                <c:pt idx="561" formatCode="0.00%">
                  <c:v>1.15E-2</c:v>
                </c:pt>
                <c:pt idx="562" formatCode="0.00%">
                  <c:v>1.2619999999999999E-2</c:v>
                </c:pt>
                <c:pt idx="563" formatCode="0.00%">
                  <c:v>1.3389999999999999E-2</c:v>
                </c:pt>
                <c:pt idx="564" formatCode="0.00%">
                  <c:v>1.3540000000000002E-2</c:v>
                </c:pt>
                <c:pt idx="565" formatCode="0.00%">
                  <c:v>1.371E-2</c:v>
                </c:pt>
                <c:pt idx="566" formatCode="0.00%">
                  <c:v>1.472E-2</c:v>
                </c:pt>
                <c:pt idx="567" formatCode="0.00%">
                  <c:v>1.516E-2</c:v>
                </c:pt>
                <c:pt idx="568" formatCode="0.00%">
                  <c:v>1.5679999999999999E-2</c:v>
                </c:pt>
                <c:pt idx="569" formatCode="0.00%">
                  <c:v>1.562E-2</c:v>
                </c:pt>
                <c:pt idx="570" formatCode="0.00%">
                  <c:v>1.5869999999999999E-2</c:v>
                </c:pt>
                <c:pt idx="571" formatCode="0.00%">
                  <c:v>1.618E-2</c:v>
                </c:pt>
                <c:pt idx="572" formatCode="0.00%">
                  <c:v>1.634E-2</c:v>
                </c:pt>
                <c:pt idx="573" formatCode="0.00%">
                  <c:v>1.601E-2</c:v>
                </c:pt>
                <c:pt idx="574" formatCode="0.00%">
                  <c:v>1.5709999999999998E-2</c:v>
                </c:pt>
                <c:pt idx="575" formatCode="0.00%">
                  <c:v>1.584E-2</c:v>
                </c:pt>
                <c:pt idx="576" formatCode="0.00%">
                  <c:v>1.644E-2</c:v>
                </c:pt>
                <c:pt idx="577" formatCode="0.00%">
                  <c:v>1.652E-2</c:v>
                </c:pt>
                <c:pt idx="578" formatCode="0.00%">
                  <c:v>1.6E-2</c:v>
                </c:pt>
                <c:pt idx="579" formatCode="0.00%">
                  <c:v>1.528E-2</c:v>
                </c:pt>
                <c:pt idx="580" formatCode="0.00%">
                  <c:v>1.508E-2</c:v>
                </c:pt>
                <c:pt idx="581" formatCode="0.00%">
                  <c:v>1.5859999999999999E-2</c:v>
                </c:pt>
                <c:pt idx="582" formatCode="0.00%">
                  <c:v>1.585E-2</c:v>
                </c:pt>
                <c:pt idx="583" formatCode="0.00%">
                  <c:v>1.6570000000000001E-2</c:v>
                </c:pt>
                <c:pt idx="584" formatCode="0.00%">
                  <c:v>1.609E-2</c:v>
                </c:pt>
                <c:pt idx="585" formatCode="0.00%">
                  <c:v>1.685E-2</c:v>
                </c:pt>
                <c:pt idx="586" formatCode="0.00%">
                  <c:v>1.7330000000000002E-2</c:v>
                </c:pt>
                <c:pt idx="587" formatCode="0.00%">
                  <c:v>1.77E-2</c:v>
                </c:pt>
                <c:pt idx="588" formatCode="0.00%">
                  <c:v>1.7749999999999998E-2</c:v>
                </c:pt>
                <c:pt idx="589" formatCode="0.00%">
                  <c:v>1.822E-2</c:v>
                </c:pt>
                <c:pt idx="590" formatCode="0.00%">
                  <c:v>1.8079999999999999E-2</c:v>
                </c:pt>
                <c:pt idx="591" formatCode="0.00%">
                  <c:v>1.7840000000000002E-2</c:v>
                </c:pt>
                <c:pt idx="592" formatCode="0.00%">
                  <c:v>1.8120000000000001E-2</c:v>
                </c:pt>
                <c:pt idx="593" formatCode="0.00%">
                  <c:v>1.847E-2</c:v>
                </c:pt>
                <c:pt idx="594" formatCode="0.00%">
                  <c:v>1.821E-2</c:v>
                </c:pt>
                <c:pt idx="595" formatCode="0.00%">
                  <c:v>1.856E-2</c:v>
                </c:pt>
                <c:pt idx="596" formatCode="0.00%">
                  <c:v>1.8749999999999999E-2</c:v>
                </c:pt>
                <c:pt idx="597" formatCode="0.00%">
                  <c:v>1.8189999999999998E-2</c:v>
                </c:pt>
                <c:pt idx="598" formatCode="0.00%">
                  <c:v>1.8100000000000002E-2</c:v>
                </c:pt>
                <c:pt idx="599" formatCode="0.00%">
                  <c:v>1.789E-2</c:v>
                </c:pt>
                <c:pt idx="600" formatCode="0.00%">
                  <c:v>1.8779999999999998E-2</c:v>
                </c:pt>
                <c:pt idx="601" formatCode="0.00%">
                  <c:v>1.9189999999999999E-2</c:v>
                </c:pt>
                <c:pt idx="602" formatCode="0.00%">
                  <c:v>1.8799999999999997E-2</c:v>
                </c:pt>
                <c:pt idx="603" formatCode="0.00%">
                  <c:v>1.8769999999999998E-2</c:v>
                </c:pt>
                <c:pt idx="604" formatCode="0.00%">
                  <c:v>1.8950000000000002E-2</c:v>
                </c:pt>
                <c:pt idx="605" formatCode="0.00%">
                  <c:v>1.9009999999999999E-2</c:v>
                </c:pt>
                <c:pt idx="606" formatCode="0.00%">
                  <c:v>1.9299999999999998E-2</c:v>
                </c:pt>
                <c:pt idx="607" formatCode="0.00%">
                  <c:v>1.9179999999999999E-2</c:v>
                </c:pt>
                <c:pt idx="608" formatCode="0.00%">
                  <c:v>1.9210000000000001E-2</c:v>
                </c:pt>
                <c:pt idx="609" formatCode="0.00%">
                  <c:v>1.9179999999999999E-2</c:v>
                </c:pt>
                <c:pt idx="610" formatCode="0.00%">
                  <c:v>1.881E-2</c:v>
                </c:pt>
                <c:pt idx="611" formatCode="0.00%">
                  <c:v>1.8720000000000001E-2</c:v>
                </c:pt>
                <c:pt idx="612" formatCode="0.00%">
                  <c:v>1.823E-2</c:v>
                </c:pt>
                <c:pt idx="613" formatCode="0.00%">
                  <c:v>1.8929999999999999E-2</c:v>
                </c:pt>
                <c:pt idx="614" formatCode="0.00%">
                  <c:v>1.7929999999999998E-2</c:v>
                </c:pt>
                <c:pt idx="615" formatCode="0.00%">
                  <c:v>1.8420000000000002E-2</c:v>
                </c:pt>
                <c:pt idx="616" formatCode="0.00%">
                  <c:v>1.8200000000000001E-2</c:v>
                </c:pt>
                <c:pt idx="617" formatCode="0.00%">
                  <c:v>1.8380000000000001E-2</c:v>
                </c:pt>
                <c:pt idx="618" formatCode="0.00%">
                  <c:v>1.8110000000000001E-2</c:v>
                </c:pt>
                <c:pt idx="619" formatCode="0.00%">
                  <c:v>1.7749999999999998E-2</c:v>
                </c:pt>
                <c:pt idx="620" formatCode="0.00%">
                  <c:v>1.7170000000000001E-2</c:v>
                </c:pt>
                <c:pt idx="621" formatCode="0.00%">
                  <c:v>1.8200000000000001E-2</c:v>
                </c:pt>
                <c:pt idx="622" formatCode="0.00%">
                  <c:v>1.7769999999999998E-2</c:v>
                </c:pt>
                <c:pt idx="623" formatCode="0.00%">
                  <c:v>1.7669999999999998E-2</c:v>
                </c:pt>
                <c:pt idx="624" formatCode="0.00%">
                  <c:v>1.7420000000000001E-2</c:v>
                </c:pt>
                <c:pt idx="625" formatCode="0.00%">
                  <c:v>1.7559999999999999E-2</c:v>
                </c:pt>
                <c:pt idx="626" formatCode="0.00%">
                  <c:v>1.771E-2</c:v>
                </c:pt>
                <c:pt idx="627" formatCode="0.00%">
                  <c:v>1.7739999999999999E-2</c:v>
                </c:pt>
                <c:pt idx="628" formatCode="0.00%">
                  <c:v>1.7469999999999999E-2</c:v>
                </c:pt>
                <c:pt idx="629" formatCode="0.00%">
                  <c:v>1.7840000000000002E-2</c:v>
                </c:pt>
                <c:pt idx="630" formatCode="0.00%">
                  <c:v>1.8159999999999999E-2</c:v>
                </c:pt>
                <c:pt idx="631" formatCode="0.00%">
                  <c:v>1.8319999999999999E-2</c:v>
                </c:pt>
                <c:pt idx="632" formatCode="0.00%">
                  <c:v>1.8200000000000001E-2</c:v>
                </c:pt>
                <c:pt idx="633" formatCode="0.00%">
                  <c:v>1.8870000000000001E-2</c:v>
                </c:pt>
                <c:pt idx="634" formatCode="0.00%">
                  <c:v>1.9359999999999999E-2</c:v>
                </c:pt>
                <c:pt idx="635" formatCode="0.00%">
                  <c:v>1.9429999999999999E-2</c:v>
                </c:pt>
                <c:pt idx="636" formatCode="0.00%">
                  <c:v>1.9179999999999999E-2</c:v>
                </c:pt>
                <c:pt idx="637" formatCode="0.00%">
                  <c:v>1.8290000000000001E-2</c:v>
                </c:pt>
                <c:pt idx="638" formatCode="0.00%">
                  <c:v>1.8589999999999999E-2</c:v>
                </c:pt>
                <c:pt idx="639" formatCode="0.00%">
                  <c:v>1.7780000000000001E-2</c:v>
                </c:pt>
                <c:pt idx="640" formatCode="0.00%">
                  <c:v>1.711E-2</c:v>
                </c:pt>
                <c:pt idx="641" formatCode="0.00%">
                  <c:v>1.6920000000000001E-2</c:v>
                </c:pt>
                <c:pt idx="642" formatCode="0.00%">
                  <c:v>1.772E-2</c:v>
                </c:pt>
                <c:pt idx="643" formatCode="0.00%">
                  <c:v>1.839E-2</c:v>
                </c:pt>
                <c:pt idx="644" formatCode="0.00%">
                  <c:v>1.8429999999999998E-2</c:v>
                </c:pt>
                <c:pt idx="645" formatCode="0.00%">
                  <c:v>1.796E-2</c:v>
                </c:pt>
                <c:pt idx="646" formatCode="0.00%">
                  <c:v>1.7669999999999998E-2</c:v>
                </c:pt>
                <c:pt idx="647" formatCode="0.00%">
                  <c:v>1.7649999999999999E-2</c:v>
                </c:pt>
                <c:pt idx="648" formatCode="0.00%">
                  <c:v>1.762E-2</c:v>
                </c:pt>
                <c:pt idx="649" formatCode="0.00%">
                  <c:v>1.8009999999999998E-2</c:v>
                </c:pt>
                <c:pt idx="650" formatCode="0.00%">
                  <c:v>1.755E-2</c:v>
                </c:pt>
                <c:pt idx="651" formatCode="0.00%">
                  <c:v>1.753E-2</c:v>
                </c:pt>
                <c:pt idx="652" formatCode="0.00%">
                  <c:v>1.7399999999999999E-2</c:v>
                </c:pt>
                <c:pt idx="653" formatCode="0.00%">
                  <c:v>1.7729999999999999E-2</c:v>
                </c:pt>
                <c:pt idx="654" formatCode="0.00%">
                  <c:v>1.7310000000000002E-2</c:v>
                </c:pt>
                <c:pt idx="655" formatCode="0.00%">
                  <c:v>1.67E-2</c:v>
                </c:pt>
                <c:pt idx="656" formatCode="0.00%">
                  <c:v>1.585E-2</c:v>
                </c:pt>
                <c:pt idx="657" formatCode="0.00%">
                  <c:v>1.5300000000000001E-2</c:v>
                </c:pt>
                <c:pt idx="658" formatCode="0.00%">
                  <c:v>1.5600000000000001E-2</c:v>
                </c:pt>
                <c:pt idx="659" formatCode="0.00%">
                  <c:v>1.5300000000000001E-2</c:v>
                </c:pt>
                <c:pt idx="660" formatCode="0.00%">
                  <c:v>1.5349999999999999E-2</c:v>
                </c:pt>
                <c:pt idx="661" formatCode="0.00%">
                  <c:v>1.6E-2</c:v>
                </c:pt>
                <c:pt idx="662" formatCode="0.00%">
                  <c:v>1.6369999999999999E-2</c:v>
                </c:pt>
                <c:pt idx="663" formatCode="0.00%">
                  <c:v>1.6659999999999998E-2</c:v>
                </c:pt>
                <c:pt idx="664" formatCode="0.00%">
                  <c:v>1.6830000000000001E-2</c:v>
                </c:pt>
                <c:pt idx="665" formatCode="0.00%">
                  <c:v>1.694E-2</c:v>
                </c:pt>
                <c:pt idx="666" formatCode="0.00%">
                  <c:v>1.738E-2</c:v>
                </c:pt>
                <c:pt idx="667" formatCode="0.00%">
                  <c:v>1.6459999999999999E-2</c:v>
                </c:pt>
                <c:pt idx="668" formatCode="0.00%">
                  <c:v>1.728E-2</c:v>
                </c:pt>
                <c:pt idx="669" formatCode="0.00%">
                  <c:v>1.7230000000000002E-2</c:v>
                </c:pt>
                <c:pt idx="670" formatCode="0.00%">
                  <c:v>1.7860000000000001E-2</c:v>
                </c:pt>
                <c:pt idx="671" formatCode="0.00%">
                  <c:v>1.7979999999999999E-2</c:v>
                </c:pt>
                <c:pt idx="672" formatCode="0.00%">
                  <c:v>1.8030000000000001E-2</c:v>
                </c:pt>
                <c:pt idx="673" formatCode="0.00%">
                  <c:v>1.848E-2</c:v>
                </c:pt>
                <c:pt idx="674" formatCode="0.00%">
                  <c:v>1.898E-2</c:v>
                </c:pt>
                <c:pt idx="675" formatCode="0.00%">
                  <c:v>1.772E-2</c:v>
                </c:pt>
                <c:pt idx="676" formatCode="0.00%">
                  <c:v>1.7399999999999999E-2</c:v>
                </c:pt>
                <c:pt idx="677" formatCode="0.00%">
                  <c:v>1.7319999999999999E-2</c:v>
                </c:pt>
                <c:pt idx="678" formatCode="0.00%">
                  <c:v>1.6449999999999999E-2</c:v>
                </c:pt>
                <c:pt idx="679" formatCode="0.00%">
                  <c:v>1.5609999999999999E-2</c:v>
                </c:pt>
                <c:pt idx="680" formatCode="0.00%">
                  <c:v>1.559E-2</c:v>
                </c:pt>
                <c:pt idx="681" formatCode="0.00%">
                  <c:v>1.4670000000000001E-2</c:v>
                </c:pt>
                <c:pt idx="682" formatCode="0.00%">
                  <c:v>1.4579999999999999E-2</c:v>
                </c:pt>
                <c:pt idx="683" formatCode="0.00%">
                  <c:v>1.498E-2</c:v>
                </c:pt>
                <c:pt idx="684" formatCode="0.00%">
                  <c:v>1.4959999999999999E-2</c:v>
                </c:pt>
                <c:pt idx="685" formatCode="0.00%">
                  <c:v>1.481E-2</c:v>
                </c:pt>
                <c:pt idx="686" formatCode="0.00%">
                  <c:v>1.473E-2</c:v>
                </c:pt>
                <c:pt idx="687" formatCode="0.00%">
                  <c:v>1.536E-2</c:v>
                </c:pt>
                <c:pt idx="688" formatCode="0.00%">
                  <c:v>1.536E-2</c:v>
                </c:pt>
                <c:pt idx="689" formatCode="0.00%">
                  <c:v>1.6150000000000001E-2</c:v>
                </c:pt>
                <c:pt idx="690" formatCode="0.00%">
                  <c:v>1.5900000000000001E-2</c:v>
                </c:pt>
                <c:pt idx="691" formatCode="0.00%">
                  <c:v>1.5560000000000001E-2</c:v>
                </c:pt>
                <c:pt idx="692" formatCode="0.00%">
                  <c:v>1.6070000000000001E-2</c:v>
                </c:pt>
                <c:pt idx="693" formatCode="0.00%">
                  <c:v>1.555E-2</c:v>
                </c:pt>
                <c:pt idx="694" formatCode="0.00%">
                  <c:v>1.529E-2</c:v>
                </c:pt>
                <c:pt idx="695" formatCode="0.00%">
                  <c:v>1.5800000000000002E-2</c:v>
                </c:pt>
                <c:pt idx="696" formatCode="0.00%">
                  <c:v>1.7049999999999999E-2</c:v>
                </c:pt>
                <c:pt idx="697" formatCode="0.00%">
                  <c:v>1.6459999999999999E-2</c:v>
                </c:pt>
                <c:pt idx="698" formatCode="0.00%">
                  <c:v>1.746E-2</c:v>
                </c:pt>
                <c:pt idx="699" formatCode="0.00%">
                  <c:v>1.7180000000000001E-2</c:v>
                </c:pt>
                <c:pt idx="700" formatCode="0.00%">
                  <c:v>1.7350000000000001E-2</c:v>
                </c:pt>
                <c:pt idx="701" formatCode="0.00%">
                  <c:v>1.704E-2</c:v>
                </c:pt>
                <c:pt idx="702" formatCode="0.00%">
                  <c:v>1.7090000000000001E-2</c:v>
                </c:pt>
                <c:pt idx="703" formatCode="0.00%">
                  <c:v>1.847E-2</c:v>
                </c:pt>
                <c:pt idx="704" formatCode="0.00%">
                  <c:v>1.8939999999999999E-2</c:v>
                </c:pt>
                <c:pt idx="705" formatCode="0.00%">
                  <c:v>2.0150000000000001E-2</c:v>
                </c:pt>
                <c:pt idx="706" formatCode="0.00%">
                  <c:v>2.0590000000000001E-2</c:v>
                </c:pt>
                <c:pt idx="707" formatCode="0.00%">
                  <c:v>2.0659999999999998E-2</c:v>
                </c:pt>
                <c:pt idx="708" formatCode="0.00%">
                  <c:v>2.0710000000000003E-2</c:v>
                </c:pt>
                <c:pt idx="709" formatCode="0.00%">
                  <c:v>2.0819999999999998E-2</c:v>
                </c:pt>
                <c:pt idx="710" formatCode="0.00%">
                  <c:v>2.0449999999999999E-2</c:v>
                </c:pt>
                <c:pt idx="711" formatCode="0.00%">
                  <c:v>2.0819999999999998E-2</c:v>
                </c:pt>
                <c:pt idx="712" formatCode="0.00%">
                  <c:v>2.0470000000000002E-2</c:v>
                </c:pt>
                <c:pt idx="713" formatCode="0.00%">
                  <c:v>2.0560000000000002E-2</c:v>
                </c:pt>
                <c:pt idx="714" formatCode="0.00%">
                  <c:v>2.0250000000000001E-2</c:v>
                </c:pt>
                <c:pt idx="715" formatCode="0.00%">
                  <c:v>2.0459999999999999E-2</c:v>
                </c:pt>
                <c:pt idx="716" formatCode="0.00%">
                  <c:v>2.1030000000000004E-2</c:v>
                </c:pt>
                <c:pt idx="717" formatCode="0.00%">
                  <c:v>2.0899999999999998E-2</c:v>
                </c:pt>
                <c:pt idx="718" formatCode="0.00%">
                  <c:v>2.1230000000000002E-2</c:v>
                </c:pt>
                <c:pt idx="719" formatCode="0.00%">
                  <c:v>2.1389999999999999E-2</c:v>
                </c:pt>
                <c:pt idx="720" formatCode="0.00%">
                  <c:v>2.0619999999999999E-2</c:v>
                </c:pt>
                <c:pt idx="721" formatCode="0.00%">
                  <c:v>2.0659999999999998E-2</c:v>
                </c:pt>
                <c:pt idx="722" formatCode="0.00%">
                  <c:v>2.0480000000000002E-2</c:v>
                </c:pt>
                <c:pt idx="723" formatCode="0.00%">
                  <c:v>2.035E-2</c:v>
                </c:pt>
                <c:pt idx="724" formatCode="0.00%">
                  <c:v>1.951E-2</c:v>
                </c:pt>
                <c:pt idx="725" formatCode="0.00%">
                  <c:v>1.975E-2</c:v>
                </c:pt>
                <c:pt idx="726" formatCode="0.00%">
                  <c:v>2.0259999999999997E-2</c:v>
                </c:pt>
                <c:pt idx="727" formatCode="0.00%">
                  <c:v>2.0059999999999998E-2</c:v>
                </c:pt>
                <c:pt idx="728" formatCode="0.00%">
                  <c:v>2.0150000000000001E-2</c:v>
                </c:pt>
                <c:pt idx="729" formatCode="0.00%">
                  <c:v>2.0480000000000002E-2</c:v>
                </c:pt>
                <c:pt idx="730" formatCode="0.00%">
                  <c:v>1.9859999999999999E-2</c:v>
                </c:pt>
                <c:pt idx="731" formatCode="0.00%">
                  <c:v>2.0150000000000001E-2</c:v>
                </c:pt>
                <c:pt idx="732" formatCode="0.00%">
                  <c:v>2.0560000000000002E-2</c:v>
                </c:pt>
                <c:pt idx="733" formatCode="0.00%">
                  <c:v>2.0289999999999999E-2</c:v>
                </c:pt>
                <c:pt idx="734" formatCode="0.00%">
                  <c:v>2.0240000000000001E-2</c:v>
                </c:pt>
                <c:pt idx="735" formatCode="0.00%">
                  <c:v>2.06E-2</c:v>
                </c:pt>
                <c:pt idx="736" formatCode="0.00%">
                  <c:v>2.0950000000000003E-2</c:v>
                </c:pt>
                <c:pt idx="737" formatCode="0.00%">
                  <c:v>2.0809999999999999E-2</c:v>
                </c:pt>
                <c:pt idx="738" formatCode="0.00%">
                  <c:v>2.0959999999999999E-2</c:v>
                </c:pt>
                <c:pt idx="739" formatCode="0.00%">
                  <c:v>2.121E-2</c:v>
                </c:pt>
                <c:pt idx="740" formatCode="0.00%">
                  <c:v>2.1440000000000001E-2</c:v>
                </c:pt>
                <c:pt idx="741" formatCode="0.00%">
                  <c:v>2.1499999999999998E-2</c:v>
                </c:pt>
                <c:pt idx="742" formatCode="0.00%">
                  <c:v>2.0830000000000001E-2</c:v>
                </c:pt>
                <c:pt idx="743" formatCode="0.00%">
                  <c:v>2.1179999999999997E-2</c:v>
                </c:pt>
                <c:pt idx="744" formatCode="0.00%">
                  <c:v>2.1360000000000001E-2</c:v>
                </c:pt>
                <c:pt idx="745" formatCode="0.00%">
                  <c:v>2.1309999999999999E-2</c:v>
                </c:pt>
                <c:pt idx="746" formatCode="0.00%">
                  <c:v>2.0720000000000002E-2</c:v>
                </c:pt>
                <c:pt idx="747" formatCode="0.00%">
                  <c:v>2.1250000000000002E-2</c:v>
                </c:pt>
                <c:pt idx="748" formatCode="0.00%">
                  <c:v>2.214E-2</c:v>
                </c:pt>
                <c:pt idx="749" formatCode="0.00%">
                  <c:v>2.2629999999999997E-2</c:v>
                </c:pt>
                <c:pt idx="750" formatCode="0.00%">
                  <c:v>2.2669999999999999E-2</c:v>
                </c:pt>
                <c:pt idx="751" formatCode="0.00%">
                  <c:v>2.3210000000000001E-2</c:v>
                </c:pt>
                <c:pt idx="752" formatCode="0.00%">
                  <c:v>2.3189999999999999E-2</c:v>
                </c:pt>
                <c:pt idx="753" formatCode="0.00%">
                  <c:v>2.383E-2</c:v>
                </c:pt>
                <c:pt idx="754" formatCode="0.00%">
                  <c:v>2.427E-2</c:v>
                </c:pt>
                <c:pt idx="755" formatCode="0.00%">
                  <c:v>2.4169999999999997E-2</c:v>
                </c:pt>
                <c:pt idx="756" formatCode="0.00%">
                  <c:v>2.392E-2</c:v>
                </c:pt>
                <c:pt idx="757" formatCode="0.00%">
                  <c:v>2.3949999999999999E-2</c:v>
                </c:pt>
                <c:pt idx="758" formatCode="0.00%">
                  <c:v>2.3740000000000001E-2</c:v>
                </c:pt>
                <c:pt idx="759" formatCode="0.00%">
                  <c:v>2.4109999999999999E-2</c:v>
                </c:pt>
                <c:pt idx="760" formatCode="0.00%">
                  <c:v>2.402E-2</c:v>
                </c:pt>
                <c:pt idx="761" formatCode="0.00%">
                  <c:v>2.4680000000000001E-2</c:v>
                </c:pt>
                <c:pt idx="762" formatCode="0.00%">
                  <c:v>2.444E-2</c:v>
                </c:pt>
                <c:pt idx="763" formatCode="0.00%">
                  <c:v>2.4840000000000001E-2</c:v>
                </c:pt>
                <c:pt idx="764" formatCode="0.00%">
                  <c:v>2.4580000000000001E-2</c:v>
                </c:pt>
                <c:pt idx="765" formatCode="0.00%">
                  <c:v>2.4709999999999999E-2</c:v>
                </c:pt>
                <c:pt idx="766" formatCode="0.00%">
                  <c:v>2.5259999999999998E-2</c:v>
                </c:pt>
                <c:pt idx="767" formatCode="0.00%">
                  <c:v>2.5419999999999998E-2</c:v>
                </c:pt>
                <c:pt idx="768" formatCode="0.00%">
                  <c:v>2.5009999999999998E-2</c:v>
                </c:pt>
                <c:pt idx="769" formatCode="0.00%">
                  <c:v>2.503E-2</c:v>
                </c:pt>
                <c:pt idx="770" formatCode="0.00%">
                  <c:v>2.5270000000000001E-2</c:v>
                </c:pt>
                <c:pt idx="771" formatCode="0.00%">
                  <c:v>2.4990000000000002E-2</c:v>
                </c:pt>
                <c:pt idx="772" formatCode="0.00%">
                  <c:v>2.5329999999999998E-2</c:v>
                </c:pt>
                <c:pt idx="773" formatCode="0.00%">
                  <c:v>2.5190000000000001E-2</c:v>
                </c:pt>
                <c:pt idx="774" formatCode="0.00%">
                  <c:v>2.5659999999999999E-2</c:v>
                </c:pt>
                <c:pt idx="775" formatCode="0.00%">
                  <c:v>2.589E-2</c:v>
                </c:pt>
                <c:pt idx="776" formatCode="0.00%">
                  <c:v>2.5610000000000001E-2</c:v>
                </c:pt>
                <c:pt idx="777" formatCode="0.00%">
                  <c:v>2.5950000000000001E-2</c:v>
                </c:pt>
                <c:pt idx="778" formatCode="0.00%">
                  <c:v>2.5910000000000002E-2</c:v>
                </c:pt>
                <c:pt idx="779" formatCode="0.00%">
                  <c:v>2.5550000000000003E-2</c:v>
                </c:pt>
                <c:pt idx="780" formatCode="0.00%">
                  <c:v>2.5659999999999999E-2</c:v>
                </c:pt>
                <c:pt idx="781" formatCode="0.00%">
                  <c:v>2.4980000000000002E-2</c:v>
                </c:pt>
                <c:pt idx="782" formatCode="0.00%">
                  <c:v>2.4670000000000001E-2</c:v>
                </c:pt>
                <c:pt idx="783" formatCode="0.00%">
                  <c:v>2.5019999999999997E-2</c:v>
                </c:pt>
                <c:pt idx="784" formatCode="0.00%">
                  <c:v>2.5230000000000002E-2</c:v>
                </c:pt>
                <c:pt idx="785" formatCode="0.00%">
                  <c:v>2.496E-2</c:v>
                </c:pt>
                <c:pt idx="786" formatCode="0.00%">
                  <c:v>2.5160000000000002E-2</c:v>
                </c:pt>
                <c:pt idx="787" formatCode="0.00%">
                  <c:v>2.5249999999999998E-2</c:v>
                </c:pt>
                <c:pt idx="788" formatCode="0.00%">
                  <c:v>2.4750000000000001E-2</c:v>
                </c:pt>
                <c:pt idx="789" formatCode="0.00%">
                  <c:v>2.5019999999999997E-2</c:v>
                </c:pt>
                <c:pt idx="790" formatCode="0.00%">
                  <c:v>2.4060000000000002E-2</c:v>
                </c:pt>
                <c:pt idx="791" formatCode="0.00%">
                  <c:v>2.3959999999999999E-2</c:v>
                </c:pt>
                <c:pt idx="792" formatCode="0.00%">
                  <c:v>2.368E-2</c:v>
                </c:pt>
                <c:pt idx="793" formatCode="0.00%">
                  <c:v>2.4239999999999998E-2</c:v>
                </c:pt>
                <c:pt idx="794" formatCode="0.00%">
                  <c:v>2.4E-2</c:v>
                </c:pt>
                <c:pt idx="795" formatCode="0.00%">
                  <c:v>2.4409999999999998E-2</c:v>
                </c:pt>
                <c:pt idx="796" formatCode="0.00%">
                  <c:v>2.5390000000000003E-2</c:v>
                </c:pt>
                <c:pt idx="797" formatCode="0.00%">
                  <c:v>2.5270000000000001E-2</c:v>
                </c:pt>
                <c:pt idx="798" formatCode="0.00%">
                  <c:v>2.613E-2</c:v>
                </c:pt>
                <c:pt idx="799" formatCode="0.00%">
                  <c:v>2.605E-2</c:v>
                </c:pt>
                <c:pt idx="800" formatCode="0.00%">
                  <c:v>2.589E-2</c:v>
                </c:pt>
                <c:pt idx="801" formatCode="0.00%">
                  <c:v>2.6309999999999997E-2</c:v>
                </c:pt>
                <c:pt idx="802" formatCode="0.00%">
                  <c:v>2.622E-2</c:v>
                </c:pt>
                <c:pt idx="803" formatCode="0.00%">
                  <c:v>2.6019999999999998E-2</c:v>
                </c:pt>
                <c:pt idx="804" formatCode="0.00%">
                  <c:v>2.64E-2</c:v>
                </c:pt>
                <c:pt idx="805" formatCode="0.00%">
                  <c:v>2.63E-2</c:v>
                </c:pt>
                <c:pt idx="806" formatCode="0.00%">
                  <c:v>2.64E-2</c:v>
                </c:pt>
                <c:pt idx="807" formatCode="0.00%">
                  <c:v>2.6939999999999999E-2</c:v>
                </c:pt>
                <c:pt idx="808" formatCode="0.00%">
                  <c:v>2.7189999999999999E-2</c:v>
                </c:pt>
                <c:pt idx="809" formatCode="0.00%">
                  <c:v>2.7229999999999997E-2</c:v>
                </c:pt>
                <c:pt idx="810" formatCode="0.00%">
                  <c:v>2.7549999999999998E-2</c:v>
                </c:pt>
                <c:pt idx="811" formatCode="0.00%">
                  <c:v>2.7160000000000004E-2</c:v>
                </c:pt>
                <c:pt idx="812" formatCode="0.00%">
                  <c:v>2.683E-2</c:v>
                </c:pt>
                <c:pt idx="813" formatCode="0.00%">
                  <c:v>2.6370000000000001E-2</c:v>
                </c:pt>
                <c:pt idx="814" formatCode="0.00%">
                  <c:v>2.664E-2</c:v>
                </c:pt>
                <c:pt idx="815" formatCode="0.00%">
                  <c:v>2.6539999999999998E-2</c:v>
                </c:pt>
                <c:pt idx="816" formatCode="0.00%">
                  <c:v>2.6929999999999999E-2</c:v>
                </c:pt>
                <c:pt idx="817" formatCode="0.00%">
                  <c:v>2.6459999999999997E-2</c:v>
                </c:pt>
                <c:pt idx="818" formatCode="0.00%">
                  <c:v>2.6349999999999998E-2</c:v>
                </c:pt>
                <c:pt idx="819" formatCode="0.00%">
                  <c:v>2.664E-2</c:v>
                </c:pt>
                <c:pt idx="820" formatCode="0.00%">
                  <c:v>2.6549999999999997E-2</c:v>
                </c:pt>
                <c:pt idx="821" formatCode="0.00%">
                  <c:v>2.7029999999999998E-2</c:v>
                </c:pt>
                <c:pt idx="822" formatCode="0.00%">
                  <c:v>2.6890000000000001E-2</c:v>
                </c:pt>
                <c:pt idx="823" formatCode="0.00%">
                  <c:v>2.6549999999999997E-2</c:v>
                </c:pt>
                <c:pt idx="824" formatCode="0.00%">
                  <c:v>2.6360000000000001E-2</c:v>
                </c:pt>
                <c:pt idx="825" formatCode="0.00%">
                  <c:v>2.6579999999999999E-2</c:v>
                </c:pt>
                <c:pt idx="826" formatCode="0.00%">
                  <c:v>2.6960000000000001E-2</c:v>
                </c:pt>
                <c:pt idx="827" formatCode="0.00%">
                  <c:v>2.699E-2</c:v>
                </c:pt>
                <c:pt idx="828" formatCode="0.00%">
                  <c:v>2.724E-2</c:v>
                </c:pt>
                <c:pt idx="829" formatCode="0.00%">
                  <c:v>2.6849999999999999E-2</c:v>
                </c:pt>
                <c:pt idx="830" formatCode="0.00%">
                  <c:v>2.63E-2</c:v>
                </c:pt>
                <c:pt idx="831" formatCode="0.00%">
                  <c:v>2.6779999999999998E-2</c:v>
                </c:pt>
                <c:pt idx="832" formatCode="0.00%">
                  <c:v>2.7109999999999999E-2</c:v>
                </c:pt>
                <c:pt idx="833" formatCode="0.00%">
                  <c:v>2.7459999999999998E-2</c:v>
                </c:pt>
                <c:pt idx="834" formatCode="0.00%">
                  <c:v>2.759E-2</c:v>
                </c:pt>
                <c:pt idx="835" formatCode="0.00%">
                  <c:v>2.717E-2</c:v>
                </c:pt>
                <c:pt idx="836" formatCode="0.00%">
                  <c:v>2.742E-2</c:v>
                </c:pt>
                <c:pt idx="837" formatCode="0.00%">
                  <c:v>2.7400000000000001E-2</c:v>
                </c:pt>
                <c:pt idx="838" formatCode="0.00%">
                  <c:v>2.785E-2</c:v>
                </c:pt>
                <c:pt idx="839" formatCode="0.00%">
                  <c:v>2.751E-2</c:v>
                </c:pt>
                <c:pt idx="840" formatCode="0.00%">
                  <c:v>2.7229999999999997E-2</c:v>
                </c:pt>
                <c:pt idx="841" formatCode="0.00%">
                  <c:v>2.7130000000000001E-2</c:v>
                </c:pt>
                <c:pt idx="842" formatCode="0.00%">
                  <c:v>2.7029999999999998E-2</c:v>
                </c:pt>
                <c:pt idx="843" formatCode="0.00%">
                  <c:v>2.7019999999999999E-2</c:v>
                </c:pt>
                <c:pt idx="844" formatCode="0.00%">
                  <c:v>2.743E-2</c:v>
                </c:pt>
                <c:pt idx="845" formatCode="0.00%">
                  <c:v>2.7109999999999999E-2</c:v>
                </c:pt>
                <c:pt idx="846" formatCode="0.00%">
                  <c:v>2.7290000000000002E-2</c:v>
                </c:pt>
                <c:pt idx="847" formatCode="0.00%">
                  <c:v>2.6970000000000001E-2</c:v>
                </c:pt>
                <c:pt idx="848" formatCode="0.00%">
                  <c:v>2.6690000000000002E-2</c:v>
                </c:pt>
                <c:pt idx="849" formatCode="0.00%">
                  <c:v>2.5539999999999997E-2</c:v>
                </c:pt>
                <c:pt idx="850" formatCode="0.00%">
                  <c:v>2.6210000000000001E-2</c:v>
                </c:pt>
                <c:pt idx="851" formatCode="0.00%">
                  <c:v>2.6849999999999999E-2</c:v>
                </c:pt>
                <c:pt idx="852" formatCode="0.00%">
                  <c:v>2.7200000000000002E-2</c:v>
                </c:pt>
                <c:pt idx="853" formatCode="0.00%">
                  <c:v>2.7679999999999996E-2</c:v>
                </c:pt>
                <c:pt idx="854" formatCode="0.00%">
                  <c:v>2.809E-2</c:v>
                </c:pt>
                <c:pt idx="855" formatCode="0.00%">
                  <c:v>2.7400000000000001E-2</c:v>
                </c:pt>
                <c:pt idx="856" formatCode="0.00%">
                  <c:v>2.7919999999999997E-2</c:v>
                </c:pt>
                <c:pt idx="857" formatCode="0.00%">
                  <c:v>2.8069999999999998E-2</c:v>
                </c:pt>
                <c:pt idx="858" formatCode="0.00%">
                  <c:v>2.7559999999999998E-2</c:v>
                </c:pt>
                <c:pt idx="859" formatCode="0.00%">
                  <c:v>2.818E-2</c:v>
                </c:pt>
                <c:pt idx="860" formatCode="0.00%">
                  <c:v>2.8580000000000001E-2</c:v>
                </c:pt>
                <c:pt idx="861" formatCode="0.00%">
                  <c:v>2.8910000000000002E-2</c:v>
                </c:pt>
                <c:pt idx="862" formatCode="0.00%">
                  <c:v>2.9140000000000003E-2</c:v>
                </c:pt>
                <c:pt idx="863" formatCode="0.00%">
                  <c:v>2.9100000000000001E-2</c:v>
                </c:pt>
                <c:pt idx="864" formatCode="0.00%">
                  <c:v>2.8799999999999999E-2</c:v>
                </c:pt>
                <c:pt idx="865" formatCode="0.00%">
                  <c:v>2.8590000000000001E-2</c:v>
                </c:pt>
                <c:pt idx="866" formatCode="0.00%">
                  <c:v>2.8469999999999999E-2</c:v>
                </c:pt>
                <c:pt idx="867" formatCode="0.00%">
                  <c:v>2.896E-2</c:v>
                </c:pt>
                <c:pt idx="868" formatCode="0.00%">
                  <c:v>2.9140000000000003E-2</c:v>
                </c:pt>
                <c:pt idx="869" formatCode="0.00%">
                  <c:v>2.9140000000000003E-2</c:v>
                </c:pt>
                <c:pt idx="870" formatCode="0.00%">
                  <c:v>2.971E-2</c:v>
                </c:pt>
                <c:pt idx="871" formatCode="0.00%">
                  <c:v>2.989E-2</c:v>
                </c:pt>
                <c:pt idx="872" formatCode="0.00%">
                  <c:v>3.032E-2</c:v>
                </c:pt>
                <c:pt idx="873" formatCode="0.00%">
                  <c:v>3.0600000000000002E-2</c:v>
                </c:pt>
                <c:pt idx="874" formatCode="0.00%">
                  <c:v>3.058E-2</c:v>
                </c:pt>
                <c:pt idx="875" formatCode="0.00%">
                  <c:v>3.0539999999999998E-2</c:v>
                </c:pt>
                <c:pt idx="876" formatCode="0.00%">
                  <c:v>3.041E-2</c:v>
                </c:pt>
                <c:pt idx="877" formatCode="0.00%">
                  <c:v>3.0640000000000001E-2</c:v>
                </c:pt>
                <c:pt idx="878" formatCode="0.00%">
                  <c:v>3.0640000000000001E-2</c:v>
                </c:pt>
                <c:pt idx="879" formatCode="0.00%">
                  <c:v>3.0640000000000001E-2</c:v>
                </c:pt>
                <c:pt idx="880" formatCode="0.00%">
                  <c:v>3.0640000000000001E-2</c:v>
                </c:pt>
                <c:pt idx="881" formatCode="0.00%">
                  <c:v>3.1110000000000002E-2</c:v>
                </c:pt>
                <c:pt idx="882" formatCode="0.00%">
                  <c:v>3.1259999999999996E-2</c:v>
                </c:pt>
                <c:pt idx="883" formatCode="0.00%">
                  <c:v>3.141E-2</c:v>
                </c:pt>
                <c:pt idx="884" formatCode="0.00%">
                  <c:v>3.1829999999999997E-2</c:v>
                </c:pt>
                <c:pt idx="885" formatCode="0.00%">
                  <c:v>3.2379999999999999E-2</c:v>
                </c:pt>
                <c:pt idx="886" formatCode="0.00%">
                  <c:v>3.236E-2</c:v>
                </c:pt>
                <c:pt idx="887" formatCode="0.00%">
                  <c:v>3.2289999999999999E-2</c:v>
                </c:pt>
                <c:pt idx="888" formatCode="0.00%">
                  <c:v>3.202E-2</c:v>
                </c:pt>
                <c:pt idx="889" formatCode="0.00%">
                  <c:v>3.2129999999999999E-2</c:v>
                </c:pt>
                <c:pt idx="890" formatCode="0.00%">
                  <c:v>3.1309999999999998E-2</c:v>
                </c:pt>
                <c:pt idx="891" formatCode="0.00%">
                  <c:v>3.1440000000000003E-2</c:v>
                </c:pt>
                <c:pt idx="892" formatCode="0.00%">
                  <c:v>3.124E-2</c:v>
                </c:pt>
                <c:pt idx="893" formatCode="0.00%">
                  <c:v>3.0859999999999999E-2</c:v>
                </c:pt>
                <c:pt idx="894" formatCode="0.00%">
                  <c:v>3.0759999999999999E-2</c:v>
                </c:pt>
                <c:pt idx="895" formatCode="0.00%">
                  <c:v>3.1179999999999999E-2</c:v>
                </c:pt>
                <c:pt idx="896" formatCode="0.00%">
                  <c:v>3.1040000000000002E-2</c:v>
                </c:pt>
                <c:pt idx="897" formatCode="0.00%">
                  <c:v>3.1690000000000003E-2</c:v>
                </c:pt>
                <c:pt idx="898" formatCode="0.00%">
                  <c:v>3.1989999999999998E-2</c:v>
                </c:pt>
                <c:pt idx="899" formatCode="0.00%">
                  <c:v>3.193E-2</c:v>
                </c:pt>
                <c:pt idx="900" formatCode="0.00%">
                  <c:v>3.1800000000000002E-2</c:v>
                </c:pt>
                <c:pt idx="901" formatCode="0.00%">
                  <c:v>3.2059999999999998E-2</c:v>
                </c:pt>
                <c:pt idx="902" formatCode="0.00%">
                  <c:v>3.1640000000000001E-2</c:v>
                </c:pt>
                <c:pt idx="903" formatCode="0.00%">
                  <c:v>3.1570000000000001E-2</c:v>
                </c:pt>
                <c:pt idx="904" formatCode="0.00%">
                  <c:v>3.1620000000000002E-2</c:v>
                </c:pt>
                <c:pt idx="905" formatCode="0.00%">
                  <c:v>3.1509999999999996E-2</c:v>
                </c:pt>
                <c:pt idx="906" formatCode="0.00%">
                  <c:v>3.1640000000000001E-2</c:v>
                </c:pt>
                <c:pt idx="907" formatCode="0.00%">
                  <c:v>3.2070000000000001E-2</c:v>
                </c:pt>
                <c:pt idx="908" formatCode="0.00%">
                  <c:v>3.2340000000000001E-2</c:v>
                </c:pt>
                <c:pt idx="909" formatCode="0.00%">
                  <c:v>3.1879999999999999E-2</c:v>
                </c:pt>
                <c:pt idx="910" formatCode="0.00%">
                  <c:v>3.1829999999999997E-2</c:v>
                </c:pt>
                <c:pt idx="911" formatCode="0.00%">
                  <c:v>3.0640000000000001E-2</c:v>
                </c:pt>
                <c:pt idx="912" formatCode="0.00%">
                  <c:v>3.0849999999999999E-2</c:v>
                </c:pt>
                <c:pt idx="913" formatCode="0.00%">
                  <c:v>3.0619999999999998E-2</c:v>
                </c:pt>
                <c:pt idx="914" formatCode="0.00%">
                  <c:v>3.0529999999999998E-2</c:v>
                </c:pt>
                <c:pt idx="915" formatCode="0.00%">
                  <c:v>3.049E-2</c:v>
                </c:pt>
                <c:pt idx="916" formatCode="0.00%">
                  <c:v>3.0970000000000001E-2</c:v>
                </c:pt>
                <c:pt idx="917" formatCode="0.00%">
                  <c:v>3.0899999999999997E-2</c:v>
                </c:pt>
                <c:pt idx="918" formatCode="0.00%">
                  <c:v>3.0640000000000001E-2</c:v>
                </c:pt>
                <c:pt idx="919" formatCode="0.00%">
                  <c:v>3.0640000000000001E-2</c:v>
                </c:pt>
                <c:pt idx="920" formatCode="0.00%">
                  <c:v>3.0640000000000001E-2</c:v>
                </c:pt>
                <c:pt idx="921" formatCode="0.00%">
                  <c:v>3.056E-2</c:v>
                </c:pt>
                <c:pt idx="922" formatCode="0.00%">
                  <c:v>2.988E-2</c:v>
                </c:pt>
                <c:pt idx="923" formatCode="0.00%">
                  <c:v>2.997E-2</c:v>
                </c:pt>
                <c:pt idx="924" formatCode="0.00%">
                  <c:v>2.971E-2</c:v>
                </c:pt>
                <c:pt idx="925" formatCode="0.00%">
                  <c:v>2.964E-2</c:v>
                </c:pt>
                <c:pt idx="926" formatCode="0.00%">
                  <c:v>2.9759999999999998E-2</c:v>
                </c:pt>
                <c:pt idx="927" formatCode="0.00%">
                  <c:v>2.9319999999999999E-2</c:v>
                </c:pt>
                <c:pt idx="928" formatCode="0.00%">
                  <c:v>2.9409999999999999E-2</c:v>
                </c:pt>
                <c:pt idx="929" formatCode="0.00%">
                  <c:v>2.8740000000000002E-2</c:v>
                </c:pt>
                <c:pt idx="930" formatCode="0.00%">
                  <c:v>2.903E-2</c:v>
                </c:pt>
                <c:pt idx="931" formatCode="0.00%">
                  <c:v>2.8990000000000002E-2</c:v>
                </c:pt>
                <c:pt idx="932" formatCode="0.00%">
                  <c:v>2.8610000000000003E-2</c:v>
                </c:pt>
                <c:pt idx="933" formatCode="0.00%">
                  <c:v>2.8559999999999999E-2</c:v>
                </c:pt>
                <c:pt idx="934" formatCode="0.00%">
                  <c:v>2.8849999999999997E-2</c:v>
                </c:pt>
                <c:pt idx="935" formatCode="0.00%">
                  <c:v>2.8809999999999999E-2</c:v>
                </c:pt>
                <c:pt idx="936" formatCode="0.00%">
                  <c:v>2.8469999999999999E-2</c:v>
                </c:pt>
                <c:pt idx="937" formatCode="0.00%">
                  <c:v>2.811E-2</c:v>
                </c:pt>
                <c:pt idx="938" formatCode="0.00%">
                  <c:v>2.827E-2</c:v>
                </c:pt>
                <c:pt idx="939" formatCode="0.00%">
                  <c:v>2.8199999999999999E-2</c:v>
                </c:pt>
                <c:pt idx="940" formatCode="0.00%">
                  <c:v>2.8309999999999998E-2</c:v>
                </c:pt>
                <c:pt idx="941" formatCode="0.00%">
                  <c:v>2.8199999999999999E-2</c:v>
                </c:pt>
                <c:pt idx="942" formatCode="0.00%">
                  <c:v>2.8610000000000003E-2</c:v>
                </c:pt>
                <c:pt idx="943" formatCode="0.00%">
                  <c:v>2.8670000000000001E-2</c:v>
                </c:pt>
                <c:pt idx="944" formatCode="0.00%">
                  <c:v>2.8629999999999999E-2</c:v>
                </c:pt>
                <c:pt idx="945" formatCode="0.00%">
                  <c:v>2.8990000000000002E-2</c:v>
                </c:pt>
                <c:pt idx="946" formatCode="0.00%">
                  <c:v>2.8799999999999999E-2</c:v>
                </c:pt>
                <c:pt idx="947" formatCode="0.00%">
                  <c:v>2.8740000000000002E-2</c:v>
                </c:pt>
                <c:pt idx="948" formatCode="0.00%">
                  <c:v>2.9270000000000001E-2</c:v>
                </c:pt>
                <c:pt idx="949" formatCode="0.00%">
                  <c:v>2.9609999999999997E-2</c:v>
                </c:pt>
                <c:pt idx="950" formatCode="0.00%">
                  <c:v>2.9740000000000003E-2</c:v>
                </c:pt>
                <c:pt idx="951" formatCode="0.00%">
                  <c:v>2.9399999999999999E-2</c:v>
                </c:pt>
                <c:pt idx="952" formatCode="0.00%">
                  <c:v>2.9500000000000002E-2</c:v>
                </c:pt>
                <c:pt idx="953" formatCode="0.00%">
                  <c:v>2.9870000000000001E-2</c:v>
                </c:pt>
                <c:pt idx="954" formatCode="0.00%">
                  <c:v>3.007E-2</c:v>
                </c:pt>
                <c:pt idx="955" formatCode="0.00%">
                  <c:v>2.9609999999999997E-2</c:v>
                </c:pt>
                <c:pt idx="956" formatCode="0.00%">
                  <c:v>2.9740000000000003E-2</c:v>
                </c:pt>
                <c:pt idx="957" formatCode="0.00%">
                  <c:v>2.955E-2</c:v>
                </c:pt>
                <c:pt idx="958" formatCode="0.00%">
                  <c:v>2.9769999999999998E-2</c:v>
                </c:pt>
                <c:pt idx="959" formatCode="0.00%">
                  <c:v>2.9750000000000002E-2</c:v>
                </c:pt>
                <c:pt idx="960" formatCode="0.00%">
                  <c:v>2.9489999999999999E-2</c:v>
                </c:pt>
                <c:pt idx="961" formatCode="0.00%">
                  <c:v>2.9559999999999999E-2</c:v>
                </c:pt>
                <c:pt idx="962" formatCode="0.00%">
                  <c:v>2.894E-2</c:v>
                </c:pt>
                <c:pt idx="963" formatCode="0.00%">
                  <c:v>2.8389999999999999E-2</c:v>
                </c:pt>
                <c:pt idx="964" formatCode="0.00%">
                  <c:v>2.87E-2</c:v>
                </c:pt>
                <c:pt idx="965" formatCode="0.00%">
                  <c:v>2.8610000000000003E-2</c:v>
                </c:pt>
                <c:pt idx="966" formatCode="0.00%">
                  <c:v>2.8590000000000001E-2</c:v>
                </c:pt>
                <c:pt idx="967" formatCode="0.00%">
                  <c:v>2.828E-2</c:v>
                </c:pt>
                <c:pt idx="968" formatCode="0.00%">
                  <c:v>2.8469999999999999E-2</c:v>
                </c:pt>
                <c:pt idx="969" formatCode="0.00%">
                  <c:v>2.8500000000000001E-2</c:v>
                </c:pt>
                <c:pt idx="970" formatCode="0.00%">
                  <c:v>2.8510000000000001E-2</c:v>
                </c:pt>
                <c:pt idx="971" formatCode="0.00%">
                  <c:v>2.8570000000000002E-2</c:v>
                </c:pt>
                <c:pt idx="972" formatCode="0.00%">
                  <c:v>2.8229999999999998E-2</c:v>
                </c:pt>
                <c:pt idx="973" formatCode="0.00%">
                  <c:v>2.8300000000000002E-2</c:v>
                </c:pt>
                <c:pt idx="974" formatCode="0.00%">
                  <c:v>2.8319999999999998E-2</c:v>
                </c:pt>
                <c:pt idx="975" formatCode="0.00%">
                  <c:v>2.8719999999999999E-2</c:v>
                </c:pt>
                <c:pt idx="976" formatCode="0.00%">
                  <c:v>2.8610000000000003E-2</c:v>
                </c:pt>
                <c:pt idx="977" formatCode="0.00%">
                  <c:v>2.8370000000000003E-2</c:v>
                </c:pt>
                <c:pt idx="978" formatCode="0.00%">
                  <c:v>2.826E-2</c:v>
                </c:pt>
                <c:pt idx="979" formatCode="0.00%">
                  <c:v>2.878E-2</c:v>
                </c:pt>
                <c:pt idx="980" formatCode="0.00%">
                  <c:v>2.8809999999999999E-2</c:v>
                </c:pt>
                <c:pt idx="981" formatCode="0.00%">
                  <c:v>2.896E-2</c:v>
                </c:pt>
                <c:pt idx="982" formatCode="0.00%">
                  <c:v>2.8980000000000002E-2</c:v>
                </c:pt>
                <c:pt idx="983" formatCode="0.00%">
                  <c:v>2.9399999999999999E-2</c:v>
                </c:pt>
                <c:pt idx="984" formatCode="0.00%">
                  <c:v>2.8980000000000002E-2</c:v>
                </c:pt>
                <c:pt idx="985" formatCode="0.00%">
                  <c:v>2.9180000000000001E-2</c:v>
                </c:pt>
                <c:pt idx="986" formatCode="0.00%">
                  <c:v>2.921E-2</c:v>
                </c:pt>
                <c:pt idx="987" formatCode="0.00%">
                  <c:v>2.9360000000000001E-2</c:v>
                </c:pt>
                <c:pt idx="988" formatCode="0.00%">
                  <c:v>2.9670000000000002E-2</c:v>
                </c:pt>
                <c:pt idx="989" formatCode="0.00%">
                  <c:v>2.962E-2</c:v>
                </c:pt>
                <c:pt idx="990" formatCode="0.00%">
                  <c:v>2.9529999999999997E-2</c:v>
                </c:pt>
                <c:pt idx="991" formatCode="0.00%">
                  <c:v>2.947E-2</c:v>
                </c:pt>
                <c:pt idx="992" formatCode="0.00%">
                  <c:v>2.921E-2</c:v>
                </c:pt>
                <c:pt idx="993" formatCode="0.00%">
                  <c:v>2.9729999999999999E-2</c:v>
                </c:pt>
                <c:pt idx="994" formatCode="0.00%">
                  <c:v>2.9289999999999997E-2</c:v>
                </c:pt>
                <c:pt idx="995" formatCode="0.00%">
                  <c:v>2.9430000000000001E-2</c:v>
                </c:pt>
                <c:pt idx="996" formatCode="0.00%">
                  <c:v>2.903E-2</c:v>
                </c:pt>
                <c:pt idx="997" formatCode="0.00%">
                  <c:v>2.8590000000000001E-2</c:v>
                </c:pt>
                <c:pt idx="998" formatCode="0.00%">
                  <c:v>2.8559999999999999E-2</c:v>
                </c:pt>
                <c:pt idx="999" formatCode="0.00%">
                  <c:v>2.7820000000000001E-2</c:v>
                </c:pt>
                <c:pt idx="1000" formatCode="0.00%">
                  <c:v>2.9319999999999999E-2</c:v>
                </c:pt>
                <c:pt idx="1001" formatCode="0.00%">
                  <c:v>2.9780000000000001E-2</c:v>
                </c:pt>
                <c:pt idx="1002" formatCode="0.00%">
                  <c:v>2.9940000000000001E-2</c:v>
                </c:pt>
                <c:pt idx="1003" formatCode="0.00%">
                  <c:v>3.0609999999999998E-2</c:v>
                </c:pt>
                <c:pt idx="1004" formatCode="0.00%">
                  <c:v>3.0609999999999998E-2</c:v>
                </c:pt>
                <c:pt idx="1005" formatCode="0.00%">
                  <c:v>3.057E-2</c:v>
                </c:pt>
                <c:pt idx="1006" formatCode="0.00%">
                  <c:v>3.1120000000000002E-2</c:v>
                </c:pt>
                <c:pt idx="1007" formatCode="0.00%">
                  <c:v>3.0970000000000001E-2</c:v>
                </c:pt>
                <c:pt idx="1008" formatCode="0.00%">
                  <c:v>3.073E-2</c:v>
                </c:pt>
                <c:pt idx="1009" formatCode="0.00%">
                  <c:v>3.0030000000000001E-2</c:v>
                </c:pt>
                <c:pt idx="1010" formatCode="0.00%">
                  <c:v>2.971E-2</c:v>
                </c:pt>
                <c:pt idx="1011" formatCode="0.00%">
                  <c:v>2.963E-2</c:v>
                </c:pt>
                <c:pt idx="1012" formatCode="0.00%">
                  <c:v>3.005E-2</c:v>
                </c:pt>
                <c:pt idx="1013" formatCode="0.00%">
                  <c:v>2.9769999999999998E-2</c:v>
                </c:pt>
                <c:pt idx="1014" formatCode="0.00%">
                  <c:v>2.9510000000000002E-2</c:v>
                </c:pt>
                <c:pt idx="1015" formatCode="0.00%">
                  <c:v>2.9510000000000002E-2</c:v>
                </c:pt>
                <c:pt idx="1016" formatCode="0.00%">
                  <c:v>2.947E-2</c:v>
                </c:pt>
                <c:pt idx="1017" formatCode="0.00%">
                  <c:v>2.9670000000000002E-2</c:v>
                </c:pt>
                <c:pt idx="1018" formatCode="0.00%">
                  <c:v>2.9649999999999999E-2</c:v>
                </c:pt>
                <c:pt idx="1019" formatCode="0.00%">
                  <c:v>2.954E-2</c:v>
                </c:pt>
                <c:pt idx="1020" formatCode="0.00%">
                  <c:v>2.9580000000000002E-2</c:v>
                </c:pt>
                <c:pt idx="1021" formatCode="0.00%">
                  <c:v>2.9820000000000003E-2</c:v>
                </c:pt>
                <c:pt idx="1022" formatCode="0.00%">
                  <c:v>3.0270000000000002E-2</c:v>
                </c:pt>
                <c:pt idx="1023" formatCode="0.00%">
                  <c:v>0.03</c:v>
                </c:pt>
                <c:pt idx="1024" formatCode="0.00%">
                  <c:v>2.9759999999999998E-2</c:v>
                </c:pt>
                <c:pt idx="1025" formatCode="0.00%">
                  <c:v>2.9609999999999997E-2</c:v>
                </c:pt>
                <c:pt idx="1026" formatCode="0.00%">
                  <c:v>2.911E-2</c:v>
                </c:pt>
                <c:pt idx="1027" formatCode="0.00%">
                  <c:v>2.8740000000000002E-2</c:v>
                </c:pt>
                <c:pt idx="1028" formatCode="0.00%">
                  <c:v>2.8290000000000003E-2</c:v>
                </c:pt>
                <c:pt idx="1029" formatCode="0.00%">
                  <c:v>2.828E-2</c:v>
                </c:pt>
                <c:pt idx="1030" formatCode="0.00%">
                  <c:v>2.828E-2</c:v>
                </c:pt>
                <c:pt idx="1031" formatCode="0.00%">
                  <c:v>2.8370000000000003E-2</c:v>
                </c:pt>
                <c:pt idx="1032" formatCode="0.00%">
                  <c:v>2.7820000000000001E-2</c:v>
                </c:pt>
                <c:pt idx="1033" formatCode="0.00%">
                  <c:v>2.802E-2</c:v>
                </c:pt>
                <c:pt idx="1034" formatCode="0.00%">
                  <c:v>2.7799999999999998E-2</c:v>
                </c:pt>
                <c:pt idx="1035" formatCode="0.00%">
                  <c:v>2.7740000000000001E-2</c:v>
                </c:pt>
                <c:pt idx="1036" formatCode="0.00%">
                  <c:v>2.8330000000000001E-2</c:v>
                </c:pt>
                <c:pt idx="1037" formatCode="0.00%">
                  <c:v>2.8039999999999999E-2</c:v>
                </c:pt>
                <c:pt idx="1038" formatCode="0.00%">
                  <c:v>2.7759999999999996E-2</c:v>
                </c:pt>
                <c:pt idx="1039" formatCode="0.00%">
                  <c:v>2.7309999999999997E-2</c:v>
                </c:pt>
                <c:pt idx="1040" formatCode="0.00%">
                  <c:v>2.7400000000000001E-2</c:v>
                </c:pt>
                <c:pt idx="1041" formatCode="0.00%">
                  <c:v>2.7820000000000001E-2</c:v>
                </c:pt>
                <c:pt idx="1042" formatCode="0.00%">
                  <c:v>2.7759999999999996E-2</c:v>
                </c:pt>
                <c:pt idx="1043" formatCode="0.00%">
                  <c:v>2.8530000000000003E-2</c:v>
                </c:pt>
                <c:pt idx="1044" formatCode="0.00%">
                  <c:v>2.8140000000000002E-2</c:v>
                </c:pt>
                <c:pt idx="1045" formatCode="0.00%">
                  <c:v>2.8250000000000001E-2</c:v>
                </c:pt>
                <c:pt idx="1046" formatCode="0.00%">
                  <c:v>2.8839999999999998E-2</c:v>
                </c:pt>
                <c:pt idx="1047" formatCode="0.00%">
                  <c:v>2.8969999999999999E-2</c:v>
                </c:pt>
                <c:pt idx="1048" formatCode="0.00%">
                  <c:v>2.8559999999999999E-2</c:v>
                </c:pt>
                <c:pt idx="1049" formatCode="0.00%">
                  <c:v>2.8450000000000003E-2</c:v>
                </c:pt>
                <c:pt idx="1050" formatCode="0.00%">
                  <c:v>2.8290000000000003E-2</c:v>
                </c:pt>
                <c:pt idx="1051" formatCode="0.00%">
                  <c:v>2.818E-2</c:v>
                </c:pt>
                <c:pt idx="1052" formatCode="0.00%">
                  <c:v>2.843E-2</c:v>
                </c:pt>
                <c:pt idx="1053" formatCode="0.00%">
                  <c:v>2.8690000000000004E-2</c:v>
                </c:pt>
                <c:pt idx="1054" formatCode="0.00%">
                  <c:v>2.895E-2</c:v>
                </c:pt>
                <c:pt idx="1055" formatCode="0.00%">
                  <c:v>2.8580000000000001E-2</c:v>
                </c:pt>
                <c:pt idx="1056" formatCode="0.00%">
                  <c:v>2.8839999999999998E-2</c:v>
                </c:pt>
                <c:pt idx="1057" formatCode="0.00%">
                  <c:v>2.887E-2</c:v>
                </c:pt>
                <c:pt idx="1058" formatCode="0.00%">
                  <c:v>2.8820000000000002E-2</c:v>
                </c:pt>
                <c:pt idx="1059" formatCode="0.00%">
                  <c:v>2.8650000000000002E-2</c:v>
                </c:pt>
                <c:pt idx="1060" formatCode="0.00%">
                  <c:v>2.809E-2</c:v>
                </c:pt>
                <c:pt idx="1061" formatCode="0.00%">
                  <c:v>2.862E-2</c:v>
                </c:pt>
                <c:pt idx="1062" formatCode="0.00%">
                  <c:v>2.894E-2</c:v>
                </c:pt>
                <c:pt idx="1063" formatCode="0.00%">
                  <c:v>2.8629999999999999E-2</c:v>
                </c:pt>
                <c:pt idx="1064" formatCode="0.00%">
                  <c:v>2.8679999999999997E-2</c:v>
                </c:pt>
                <c:pt idx="1065" formatCode="0.00%">
                  <c:v>2.9220000000000003E-2</c:v>
                </c:pt>
                <c:pt idx="1066" formatCode="0.00%">
                  <c:v>2.9510000000000002E-2</c:v>
                </c:pt>
                <c:pt idx="1067" formatCode="0.00%">
                  <c:v>2.8900000000000002E-2</c:v>
                </c:pt>
                <c:pt idx="1068" formatCode="0.00%">
                  <c:v>2.8759999999999997E-2</c:v>
                </c:pt>
                <c:pt idx="1069" formatCode="0.00%">
                  <c:v>2.9100000000000001E-2</c:v>
                </c:pt>
                <c:pt idx="1070" formatCode="0.00%">
                  <c:v>2.903E-2</c:v>
                </c:pt>
                <c:pt idx="1071" formatCode="0.00%">
                  <c:v>2.8300000000000002E-2</c:v>
                </c:pt>
                <c:pt idx="1072" formatCode="0.00%">
                  <c:v>2.8590000000000001E-2</c:v>
                </c:pt>
                <c:pt idx="1073" formatCode="0.00%">
                  <c:v>2.852E-2</c:v>
                </c:pt>
                <c:pt idx="1074" formatCode="0.00%">
                  <c:v>2.8250000000000001E-2</c:v>
                </c:pt>
                <c:pt idx="1075" formatCode="0.00%">
                  <c:v>2.8370000000000003E-2</c:v>
                </c:pt>
                <c:pt idx="1076" formatCode="0.00%">
                  <c:v>2.8029999999999999E-2</c:v>
                </c:pt>
                <c:pt idx="1077" formatCode="0.00%">
                  <c:v>2.7069999999999997E-2</c:v>
                </c:pt>
                <c:pt idx="1078" formatCode="0.00%">
                  <c:v>2.8420000000000001E-2</c:v>
                </c:pt>
                <c:pt idx="1079" formatCode="0.00%">
                  <c:v>2.7910000000000001E-2</c:v>
                </c:pt>
                <c:pt idx="1080" formatCode="0.00%">
                  <c:v>2.7060000000000001E-2</c:v>
                </c:pt>
                <c:pt idx="1081" formatCode="0.00%">
                  <c:v>2.7210000000000002E-2</c:v>
                </c:pt>
                <c:pt idx="1082" formatCode="0.00%">
                  <c:v>2.6949999999999998E-2</c:v>
                </c:pt>
                <c:pt idx="1083" formatCode="0.00%">
                  <c:v>2.6610000000000002E-2</c:v>
                </c:pt>
                <c:pt idx="1084" formatCode="0.00%">
                  <c:v>2.6179999999999998E-2</c:v>
                </c:pt>
                <c:pt idx="1085" formatCode="0.00%">
                  <c:v>2.6469999999999997E-2</c:v>
                </c:pt>
                <c:pt idx="1086" formatCode="0.00%">
                  <c:v>2.614E-2</c:v>
                </c:pt>
                <c:pt idx="1087" formatCode="0.00%">
                  <c:v>2.6509999999999999E-2</c:v>
                </c:pt>
                <c:pt idx="1088" formatCode="0.00%">
                  <c:v>2.6600000000000002E-2</c:v>
                </c:pt>
                <c:pt idx="1089" formatCode="0.00%">
                  <c:v>2.6269999999999998E-2</c:v>
                </c:pt>
                <c:pt idx="1090" formatCode="0.00%">
                  <c:v>2.5910000000000002E-2</c:v>
                </c:pt>
                <c:pt idx="1091" formatCode="0.00%">
                  <c:v>2.538E-2</c:v>
                </c:pt>
                <c:pt idx="1092" formatCode="0.00%">
                  <c:v>2.5479999999999999E-2</c:v>
                </c:pt>
                <c:pt idx="1093" formatCode="0.00%">
                  <c:v>2.538E-2</c:v>
                </c:pt>
                <c:pt idx="1094" formatCode="0.00%">
                  <c:v>2.5579999999999999E-2</c:v>
                </c:pt>
                <c:pt idx="1095" formatCode="0.00%">
                  <c:v>2.5539999999999997E-2</c:v>
                </c:pt>
                <c:pt idx="1096" formatCode="0.00%">
                  <c:v>2.4809999999999999E-2</c:v>
                </c:pt>
                <c:pt idx="1097" formatCode="0.00%">
                  <c:v>2.477E-2</c:v>
                </c:pt>
                <c:pt idx="1098" formatCode="0.00%">
                  <c:v>2.453E-2</c:v>
                </c:pt>
                <c:pt idx="1099" formatCode="0.00%">
                  <c:v>2.4479999999999998E-2</c:v>
                </c:pt>
                <c:pt idx="1100" formatCode="0.00%">
                  <c:v>2.4639999999999999E-2</c:v>
                </c:pt>
                <c:pt idx="1101" formatCode="0.00%">
                  <c:v>2.4060000000000002E-2</c:v>
                </c:pt>
                <c:pt idx="1102" formatCode="0.00%">
                  <c:v>2.4310000000000002E-2</c:v>
                </c:pt>
                <c:pt idx="1103" formatCode="0.00%">
                  <c:v>2.4119999999999999E-2</c:v>
                </c:pt>
                <c:pt idx="1104" formatCode="0.00%">
                  <c:v>2.477E-2</c:v>
                </c:pt>
                <c:pt idx="1105" formatCode="0.00%">
                  <c:v>2.4820000000000002E-2</c:v>
                </c:pt>
                <c:pt idx="1106" formatCode="0.00%">
                  <c:v>2.4840000000000001E-2</c:v>
                </c:pt>
                <c:pt idx="1107" formatCode="0.00%">
                  <c:v>2.4980000000000002E-2</c:v>
                </c:pt>
                <c:pt idx="1108" formatCode="0.00%">
                  <c:v>2.4649999999999998E-2</c:v>
                </c:pt>
                <c:pt idx="1109" formatCode="0.00%">
                  <c:v>2.3949999999999999E-2</c:v>
                </c:pt>
                <c:pt idx="1110" formatCode="0.00%">
                  <c:v>2.3540000000000002E-2</c:v>
                </c:pt>
                <c:pt idx="1111" formatCode="0.00%">
                  <c:v>2.35E-2</c:v>
                </c:pt>
                <c:pt idx="1112" formatCode="0.00%">
                  <c:v>2.3429999999999999E-2</c:v>
                </c:pt>
                <c:pt idx="1113" formatCode="0.00%">
                  <c:v>2.402E-2</c:v>
                </c:pt>
                <c:pt idx="1114" formatCode="0.00%">
                  <c:v>2.3889999999999998E-2</c:v>
                </c:pt>
                <c:pt idx="1115" formatCode="0.00%">
                  <c:v>2.3769999999999999E-2</c:v>
                </c:pt>
                <c:pt idx="1116" formatCode="0.00%">
                  <c:v>2.3639999999999998E-2</c:v>
                </c:pt>
                <c:pt idx="1117" formatCode="0.00%">
                  <c:v>2.3390000000000001E-2</c:v>
                </c:pt>
                <c:pt idx="1118" formatCode="0.00%">
                  <c:v>2.3519999999999999E-2</c:v>
                </c:pt>
                <c:pt idx="1119" formatCode="0.00%">
                  <c:v>2.3730000000000001E-2</c:v>
                </c:pt>
                <c:pt idx="1120" formatCode="0.00%">
                  <c:v>2.3620000000000002E-2</c:v>
                </c:pt>
                <c:pt idx="1121" formatCode="0.00%">
                  <c:v>2.4109999999999999E-2</c:v>
                </c:pt>
                <c:pt idx="1122" formatCode="0.00%">
                  <c:v>2.3889999999999998E-2</c:v>
                </c:pt>
                <c:pt idx="1123" formatCode="0.00%">
                  <c:v>2.3290000000000002E-2</c:v>
                </c:pt>
                <c:pt idx="1124" formatCode="0.00%">
                  <c:v>2.3290000000000002E-2</c:v>
                </c:pt>
                <c:pt idx="1125" formatCode="0.00%">
                  <c:v>2.3429999999999999E-2</c:v>
                </c:pt>
                <c:pt idx="1126" formatCode="0.00%">
                  <c:v>2.3199999999999998E-2</c:v>
                </c:pt>
                <c:pt idx="1127" formatCode="0.00%">
                  <c:v>2.3570000000000001E-2</c:v>
                </c:pt>
                <c:pt idx="1128" formatCode="0.00%">
                  <c:v>2.367E-2</c:v>
                </c:pt>
                <c:pt idx="1129" formatCode="0.00%">
                  <c:v>2.3439999999999999E-2</c:v>
                </c:pt>
                <c:pt idx="1130" formatCode="0.00%">
                  <c:v>2.376E-2</c:v>
                </c:pt>
                <c:pt idx="1131" formatCode="0.00%">
                  <c:v>2.3230000000000001E-2</c:v>
                </c:pt>
                <c:pt idx="1132" formatCode="0.00%">
                  <c:v>2.3730000000000001E-2</c:v>
                </c:pt>
                <c:pt idx="1133" formatCode="0.00%">
                  <c:v>2.4060000000000002E-2</c:v>
                </c:pt>
                <c:pt idx="1134" formatCode="0.00%">
                  <c:v>2.3990000000000001E-2</c:v>
                </c:pt>
                <c:pt idx="1135" formatCode="0.00%">
                  <c:v>2.342E-2</c:v>
                </c:pt>
                <c:pt idx="1136" formatCode="0.00%">
                  <c:v>2.3349999999999999E-2</c:v>
                </c:pt>
                <c:pt idx="1137" formatCode="0.00%">
                  <c:v>2.315E-2</c:v>
                </c:pt>
                <c:pt idx="1138" formatCode="0.00%">
                  <c:v>2.3170000000000003E-2</c:v>
                </c:pt>
                <c:pt idx="1139" formatCode="0.00%">
                  <c:v>2.3330000000000004E-2</c:v>
                </c:pt>
                <c:pt idx="1140" formatCode="0.00%">
                  <c:v>2.3460000000000002E-2</c:v>
                </c:pt>
                <c:pt idx="1141" formatCode="0.00%">
                  <c:v>2.3730000000000001E-2</c:v>
                </c:pt>
                <c:pt idx="1142" formatCode="0.00%">
                  <c:v>2.3799999999999998E-2</c:v>
                </c:pt>
                <c:pt idx="1143" formatCode="0.00%">
                  <c:v>2.3690000000000003E-2</c:v>
                </c:pt>
                <c:pt idx="1144" formatCode="0.00%">
                  <c:v>2.4070000000000001E-2</c:v>
                </c:pt>
                <c:pt idx="1145" formatCode="0.00%">
                  <c:v>2.4620000000000003E-2</c:v>
                </c:pt>
                <c:pt idx="1146" formatCode="0.00%">
                  <c:v>2.4329999999999997E-2</c:v>
                </c:pt>
                <c:pt idx="1147" formatCode="0.00%">
                  <c:v>2.4199999999999999E-2</c:v>
                </c:pt>
                <c:pt idx="1148" formatCode="0.00%">
                  <c:v>2.367E-2</c:v>
                </c:pt>
                <c:pt idx="1149" formatCode="0.00%">
                  <c:v>2.3849999999999996E-2</c:v>
                </c:pt>
                <c:pt idx="1150" formatCode="0.00%">
                  <c:v>2.3189999999999999E-2</c:v>
                </c:pt>
                <c:pt idx="1151" formatCode="0.00%">
                  <c:v>2.3470000000000001E-2</c:v>
                </c:pt>
                <c:pt idx="1152" formatCode="0.00%">
                  <c:v>2.3010000000000003E-2</c:v>
                </c:pt>
                <c:pt idx="1153" formatCode="0.00%">
                  <c:v>2.3039999999999998E-2</c:v>
                </c:pt>
                <c:pt idx="1154" formatCode="0.00%">
                  <c:v>2.274E-2</c:v>
                </c:pt>
                <c:pt idx="1155" formatCode="0.00%">
                  <c:v>2.3189999999999999E-2</c:v>
                </c:pt>
                <c:pt idx="1156" formatCode="0.00%">
                  <c:v>2.349E-2</c:v>
                </c:pt>
                <c:pt idx="1157" formatCode="0.00%">
                  <c:v>2.3620000000000002E-2</c:v>
                </c:pt>
                <c:pt idx="1158" formatCode="0.00%">
                  <c:v>2.3599999999999999E-2</c:v>
                </c:pt>
                <c:pt idx="1159" formatCode="0.00%">
                  <c:v>2.349E-2</c:v>
                </c:pt>
                <c:pt idx="1160" formatCode="0.00%">
                  <c:v>2.3239999999999997E-2</c:v>
                </c:pt>
                <c:pt idx="1161" formatCode="0.00%">
                  <c:v>2.3239999999999997E-2</c:v>
                </c:pt>
                <c:pt idx="1162" formatCode="0.00%">
                  <c:v>2.342E-2</c:v>
                </c:pt>
                <c:pt idx="1163" formatCode="0.00%">
                  <c:v>2.334E-2</c:v>
                </c:pt>
                <c:pt idx="1164" formatCode="0.00%">
                  <c:v>2.3090000000000003E-2</c:v>
                </c:pt>
                <c:pt idx="1165" formatCode="0.00%">
                  <c:v>2.3109999999999999E-2</c:v>
                </c:pt>
                <c:pt idx="1166" formatCode="0.00%">
                  <c:v>2.2370000000000001E-2</c:v>
                </c:pt>
                <c:pt idx="1167" formatCode="0.00%">
                  <c:v>2.2210000000000001E-2</c:v>
                </c:pt>
                <c:pt idx="1168" formatCode="0.00%">
                  <c:v>2.2509999999999999E-2</c:v>
                </c:pt>
                <c:pt idx="1169" formatCode="0.00%">
                  <c:v>2.2770000000000002E-2</c:v>
                </c:pt>
                <c:pt idx="1170" formatCode="0.00%">
                  <c:v>2.2679999999999999E-2</c:v>
                </c:pt>
                <c:pt idx="1171" formatCode="0.00%">
                  <c:v>2.2450000000000001E-2</c:v>
                </c:pt>
                <c:pt idx="1172" formatCode="0.00%">
                  <c:v>2.23E-2</c:v>
                </c:pt>
                <c:pt idx="1173" formatCode="0.00%">
                  <c:v>2.2029999999999998E-2</c:v>
                </c:pt>
                <c:pt idx="1174" formatCode="0.00%">
                  <c:v>2.1860000000000001E-2</c:v>
                </c:pt>
                <c:pt idx="1175" formatCode="0.00%">
                  <c:v>2.189E-2</c:v>
                </c:pt>
                <c:pt idx="1176" formatCode="0.00%">
                  <c:v>2.1680000000000001E-2</c:v>
                </c:pt>
                <c:pt idx="1177" formatCode="0.00%">
                  <c:v>2.1309999999999999E-2</c:v>
                </c:pt>
                <c:pt idx="1178" formatCode="0.00%">
                  <c:v>2.052E-2</c:v>
                </c:pt>
                <c:pt idx="1179" formatCode="0.00%">
                  <c:v>2.0400000000000001E-2</c:v>
                </c:pt>
                <c:pt idx="1180" formatCode="0.00%">
                  <c:v>2.1049999999999999E-2</c:v>
                </c:pt>
                <c:pt idx="1181" formatCode="0.00%">
                  <c:v>2.06E-2</c:v>
                </c:pt>
                <c:pt idx="1182" formatCode="0.00%">
                  <c:v>2.1669999999999998E-2</c:v>
                </c:pt>
                <c:pt idx="1183" formatCode="0.00%">
                  <c:v>2.1179999999999997E-2</c:v>
                </c:pt>
                <c:pt idx="1184" formatCode="0.00%">
                  <c:v>2.1320000000000002E-2</c:v>
                </c:pt>
                <c:pt idx="1185" formatCode="0.00%">
                  <c:v>2.1299999999999999E-2</c:v>
                </c:pt>
                <c:pt idx="1186" formatCode="0.00%">
                  <c:v>2.1589999999999998E-2</c:v>
                </c:pt>
                <c:pt idx="1187" formatCode="0.00%">
                  <c:v>2.1669999999999998E-2</c:v>
                </c:pt>
                <c:pt idx="1188" formatCode="0.00%">
                  <c:v>2.1949999999999997E-2</c:v>
                </c:pt>
                <c:pt idx="1189" formatCode="0.00%">
                  <c:v>2.1669999999999998E-2</c:v>
                </c:pt>
                <c:pt idx="1190" formatCode="0.00%">
                  <c:v>2.214E-2</c:v>
                </c:pt>
                <c:pt idx="1191" formatCode="0.00%">
                  <c:v>2.1829999999999999E-2</c:v>
                </c:pt>
                <c:pt idx="1192" formatCode="0.00%">
                  <c:v>2.1949999999999997E-2</c:v>
                </c:pt>
                <c:pt idx="1193" formatCode="0.00%">
                  <c:v>2.1860000000000001E-2</c:v>
                </c:pt>
                <c:pt idx="1194" formatCode="0.00%">
                  <c:v>2.223E-2</c:v>
                </c:pt>
                <c:pt idx="1195" formatCode="0.00%">
                  <c:v>2.274E-2</c:v>
                </c:pt>
                <c:pt idx="1196" formatCode="0.00%">
                  <c:v>2.2189999999999998E-2</c:v>
                </c:pt>
                <c:pt idx="1197" formatCode="0.00%">
                  <c:v>2.1899999999999999E-2</c:v>
                </c:pt>
                <c:pt idx="1198" formatCode="0.00%">
                  <c:v>2.198E-2</c:v>
                </c:pt>
                <c:pt idx="1199" formatCode="0.00%">
                  <c:v>2.249E-2</c:v>
                </c:pt>
                <c:pt idx="1200" formatCode="0.00%">
                  <c:v>2.2629999999999997E-2</c:v>
                </c:pt>
                <c:pt idx="1201" formatCode="0.00%">
                  <c:v>2.2540000000000001E-2</c:v>
                </c:pt>
                <c:pt idx="1202" formatCode="0.00%">
                  <c:v>2.2629999999999997E-2</c:v>
                </c:pt>
                <c:pt idx="1203" formatCode="0.00%">
                  <c:v>2.222E-2</c:v>
                </c:pt>
                <c:pt idx="1204" formatCode="0.00%">
                  <c:v>2.2719999999999997E-2</c:v>
                </c:pt>
                <c:pt idx="1205" formatCode="0.00%">
                  <c:v>2.2540000000000001E-2</c:v>
                </c:pt>
                <c:pt idx="1206" formatCode="0.00%">
                  <c:v>2.2949999999999998E-2</c:v>
                </c:pt>
                <c:pt idx="1207" formatCode="0.00%">
                  <c:v>2.29E-2</c:v>
                </c:pt>
                <c:pt idx="1208" formatCode="0.00%">
                  <c:v>2.3109999999999999E-2</c:v>
                </c:pt>
                <c:pt idx="1209" formatCode="0.00%">
                  <c:v>2.2879999999999998E-2</c:v>
                </c:pt>
                <c:pt idx="1210" formatCode="0.00%">
                  <c:v>2.3359999999999999E-2</c:v>
                </c:pt>
                <c:pt idx="1211" formatCode="0.00%">
                  <c:v>2.2559999999999997E-2</c:v>
                </c:pt>
                <c:pt idx="1212" formatCode="0.00%">
                  <c:v>2.2380000000000001E-2</c:v>
                </c:pt>
                <c:pt idx="1213" formatCode="0.00%">
                  <c:v>2.2599999999999999E-2</c:v>
                </c:pt>
                <c:pt idx="1214" formatCode="0.00%">
                  <c:v>2.2700000000000001E-2</c:v>
                </c:pt>
                <c:pt idx="1215" formatCode="0.00%">
                  <c:v>2.2599999999999999E-2</c:v>
                </c:pt>
                <c:pt idx="1216" formatCode="0.00%">
                  <c:v>2.315E-2</c:v>
                </c:pt>
                <c:pt idx="1217" formatCode="0.00%">
                  <c:v>2.3330000000000004E-2</c:v>
                </c:pt>
                <c:pt idx="1218" formatCode="0.00%">
                  <c:v>2.3450000000000002E-2</c:v>
                </c:pt>
                <c:pt idx="1219" formatCode="0.00%">
                  <c:v>2.3189999999999999E-2</c:v>
                </c:pt>
                <c:pt idx="1220" formatCode="0.00%">
                  <c:v>2.3610000000000003E-2</c:v>
                </c:pt>
                <c:pt idx="1221" formatCode="0.00%">
                  <c:v>2.3740000000000001E-2</c:v>
                </c:pt>
                <c:pt idx="1222" formatCode="0.00%">
                  <c:v>2.3860000000000003E-2</c:v>
                </c:pt>
                <c:pt idx="1223" formatCode="0.00%">
                  <c:v>2.367E-2</c:v>
                </c:pt>
                <c:pt idx="1224" formatCode="0.00%">
                  <c:v>2.3239999999999997E-2</c:v>
                </c:pt>
                <c:pt idx="1225" formatCode="0.00%">
                  <c:v>2.351E-2</c:v>
                </c:pt>
                <c:pt idx="1226" formatCode="0.00%">
                  <c:v>2.3050000000000001E-2</c:v>
                </c:pt>
                <c:pt idx="1227" formatCode="0.00%">
                  <c:v>2.2669999999999999E-2</c:v>
                </c:pt>
                <c:pt idx="1228" formatCode="0.00%">
                  <c:v>2.2290000000000001E-2</c:v>
                </c:pt>
                <c:pt idx="1229" formatCode="0.00%">
                  <c:v>2.206E-2</c:v>
                </c:pt>
                <c:pt idx="1230" formatCode="0.00%">
                  <c:v>2.138E-2</c:v>
                </c:pt>
                <c:pt idx="1231" formatCode="0.00%">
                  <c:v>2.1429999999999998E-2</c:v>
                </c:pt>
                <c:pt idx="1232" formatCode="0.00%">
                  <c:v>2.1489999999999999E-2</c:v>
                </c:pt>
                <c:pt idx="1233" formatCode="0.00%">
                  <c:v>2.1640000000000003E-2</c:v>
                </c:pt>
                <c:pt idx="1234" formatCode="0.00%">
                  <c:v>2.1569999999999999E-2</c:v>
                </c:pt>
                <c:pt idx="1235" formatCode="0.00%">
                  <c:v>2.1899999999999999E-2</c:v>
                </c:pt>
                <c:pt idx="1236" formatCode="0.00%">
                  <c:v>2.1520000000000001E-2</c:v>
                </c:pt>
                <c:pt idx="1237" formatCode="0.00%">
                  <c:v>2.1649999999999999E-2</c:v>
                </c:pt>
                <c:pt idx="1238" formatCode="0.00%">
                  <c:v>2.1259999999999998E-2</c:v>
                </c:pt>
                <c:pt idx="1239" formatCode="0.00%">
                  <c:v>2.2120000000000001E-2</c:v>
                </c:pt>
                <c:pt idx="1240" formatCode="0.00%">
                  <c:v>2.215E-2</c:v>
                </c:pt>
                <c:pt idx="1241" formatCode="0.00%">
                  <c:v>2.2010000000000002E-2</c:v>
                </c:pt>
                <c:pt idx="1242" formatCode="0.00%">
                  <c:v>2.189E-2</c:v>
                </c:pt>
                <c:pt idx="1243" formatCode="0.00%">
                  <c:v>2.1739999999999999E-2</c:v>
                </c:pt>
                <c:pt idx="1244" formatCode="0.00%">
                  <c:v>2.146E-2</c:v>
                </c:pt>
                <c:pt idx="1245" formatCode="0.00%">
                  <c:v>2.1829999999999999E-2</c:v>
                </c:pt>
                <c:pt idx="1246" formatCode="0.00%">
                  <c:v>2.1600000000000001E-2</c:v>
                </c:pt>
                <c:pt idx="1247" formatCode="0.00%">
                  <c:v>2.2120000000000001E-2</c:v>
                </c:pt>
                <c:pt idx="1248" formatCode="0.00%">
                  <c:v>2.2040000000000001E-2</c:v>
                </c:pt>
                <c:pt idx="1249" formatCode="0.00%">
                  <c:v>2.2109999999999998E-2</c:v>
                </c:pt>
                <c:pt idx="1250" formatCode="0.00%">
                  <c:v>2.247E-2</c:v>
                </c:pt>
                <c:pt idx="1251" formatCode="0.00%">
                  <c:v>2.2559999999999997E-2</c:v>
                </c:pt>
                <c:pt idx="1252" formatCode="0.00%">
                  <c:v>2.2509999999999999E-2</c:v>
                </c:pt>
                <c:pt idx="1253" formatCode="0.00%">
                  <c:v>2.281E-2</c:v>
                </c:pt>
                <c:pt idx="1254" formatCode="0.00%">
                  <c:v>2.2550000000000001E-2</c:v>
                </c:pt>
                <c:pt idx="1255" formatCode="0.00%">
                  <c:v>2.2349999999999998E-2</c:v>
                </c:pt>
                <c:pt idx="1256" formatCode="0.00%">
                  <c:v>2.23E-2</c:v>
                </c:pt>
                <c:pt idx="1257" formatCode="0.00%">
                  <c:v>2.2250000000000002E-2</c:v>
                </c:pt>
                <c:pt idx="1258" formatCode="0.00%">
                  <c:v>2.3269999999999999E-2</c:v>
                </c:pt>
                <c:pt idx="1259" formatCode="0.00%">
                  <c:v>2.3439999999999999E-2</c:v>
                </c:pt>
                <c:pt idx="1260" formatCode="0.00%">
                  <c:v>2.3269999999999999E-2</c:v>
                </c:pt>
                <c:pt idx="1261" formatCode="0.00%">
                  <c:v>2.3879999999999998E-2</c:v>
                </c:pt>
                <c:pt idx="1262" formatCode="0.00%">
                  <c:v>2.4150000000000001E-2</c:v>
                </c:pt>
                <c:pt idx="1263" formatCode="0.00%">
                  <c:v>2.3990000000000001E-2</c:v>
                </c:pt>
                <c:pt idx="1264" formatCode="0.00%">
                  <c:v>2.3879999999999998E-2</c:v>
                </c:pt>
              </c:numCache>
            </c:numRef>
          </c:yVal>
          <c:smooth val="0"/>
          <c:extLst>
            <c:ext xmlns:c16="http://schemas.microsoft.com/office/drawing/2014/chart" uri="{C3380CC4-5D6E-409C-BE32-E72D297353CC}">
              <c16:uniqueId val="{00000000-8FAE-4892-8654-F5C6701D7F12}"/>
            </c:ext>
          </c:extLst>
        </c:ser>
        <c:ser>
          <c:idx val="1"/>
          <c:order val="1"/>
          <c:tx>
            <c:strRef>
              <c:f>Sheet1!$AN$31</c:f>
              <c:strCache>
                <c:ptCount val="1"/>
                <c:pt idx="0">
                  <c:v>Projected path</c:v>
                </c:pt>
              </c:strCache>
            </c:strRef>
          </c:tx>
          <c:spPr>
            <a:ln w="19050" cap="rnd">
              <a:solidFill>
                <a:schemeClr val="accent6"/>
              </a:solidFill>
              <a:prstDash val="sysDash"/>
              <a:round/>
            </a:ln>
            <a:effectLst/>
          </c:spPr>
          <c:marker>
            <c:symbol val="none"/>
          </c:marker>
          <c:xVal>
            <c:numRef>
              <c:f>Sheet1!$AL$32:$AL$2814</c:f>
              <c:numCache>
                <c:formatCode>m/d/yyyy</c:formatCode>
                <c:ptCount val="2783"/>
                <c:pt idx="0">
                  <c:v>45107</c:v>
                </c:pt>
                <c:pt idx="1">
                  <c:v>45077</c:v>
                </c:pt>
                <c:pt idx="2">
                  <c:v>45046</c:v>
                </c:pt>
                <c:pt idx="3">
                  <c:v>45016</c:v>
                </c:pt>
                <c:pt idx="4">
                  <c:v>44985</c:v>
                </c:pt>
                <c:pt idx="5">
                  <c:v>44957</c:v>
                </c:pt>
                <c:pt idx="6">
                  <c:v>44926</c:v>
                </c:pt>
                <c:pt idx="7">
                  <c:v>44895</c:v>
                </c:pt>
                <c:pt idx="8">
                  <c:v>44865</c:v>
                </c:pt>
                <c:pt idx="9">
                  <c:v>44834</c:v>
                </c:pt>
                <c:pt idx="10">
                  <c:v>44804</c:v>
                </c:pt>
                <c:pt idx="11">
                  <c:v>44773</c:v>
                </c:pt>
                <c:pt idx="12">
                  <c:v>44742</c:v>
                </c:pt>
                <c:pt idx="13">
                  <c:v>44687</c:v>
                </c:pt>
                <c:pt idx="14">
                  <c:v>44686</c:v>
                </c:pt>
                <c:pt idx="15">
                  <c:v>44685</c:v>
                </c:pt>
                <c:pt idx="16">
                  <c:v>44684</c:v>
                </c:pt>
                <c:pt idx="17">
                  <c:v>44683</c:v>
                </c:pt>
                <c:pt idx="18">
                  <c:v>44680</c:v>
                </c:pt>
                <c:pt idx="19">
                  <c:v>44679</c:v>
                </c:pt>
                <c:pt idx="20">
                  <c:v>44678</c:v>
                </c:pt>
                <c:pt idx="21">
                  <c:v>44677</c:v>
                </c:pt>
                <c:pt idx="22">
                  <c:v>44676</c:v>
                </c:pt>
                <c:pt idx="23">
                  <c:v>44673</c:v>
                </c:pt>
                <c:pt idx="24">
                  <c:v>44672</c:v>
                </c:pt>
                <c:pt idx="25">
                  <c:v>44671</c:v>
                </c:pt>
                <c:pt idx="26">
                  <c:v>44670</c:v>
                </c:pt>
                <c:pt idx="27">
                  <c:v>44669</c:v>
                </c:pt>
                <c:pt idx="28">
                  <c:v>44665</c:v>
                </c:pt>
                <c:pt idx="29">
                  <c:v>44664</c:v>
                </c:pt>
                <c:pt idx="30">
                  <c:v>44663</c:v>
                </c:pt>
                <c:pt idx="31">
                  <c:v>44662</c:v>
                </c:pt>
                <c:pt idx="32">
                  <c:v>44659</c:v>
                </c:pt>
                <c:pt idx="33">
                  <c:v>44658</c:v>
                </c:pt>
                <c:pt idx="34">
                  <c:v>44657</c:v>
                </c:pt>
                <c:pt idx="35">
                  <c:v>44656</c:v>
                </c:pt>
                <c:pt idx="36">
                  <c:v>44655</c:v>
                </c:pt>
                <c:pt idx="37">
                  <c:v>44652</c:v>
                </c:pt>
                <c:pt idx="38">
                  <c:v>44651</c:v>
                </c:pt>
                <c:pt idx="39">
                  <c:v>44650</c:v>
                </c:pt>
                <c:pt idx="40">
                  <c:v>44649</c:v>
                </c:pt>
                <c:pt idx="41">
                  <c:v>44648</c:v>
                </c:pt>
                <c:pt idx="42">
                  <c:v>44645</c:v>
                </c:pt>
                <c:pt idx="43">
                  <c:v>44644</c:v>
                </c:pt>
                <c:pt idx="44">
                  <c:v>44643</c:v>
                </c:pt>
                <c:pt idx="45">
                  <c:v>44642</c:v>
                </c:pt>
                <c:pt idx="46">
                  <c:v>44641</c:v>
                </c:pt>
                <c:pt idx="47">
                  <c:v>44638</c:v>
                </c:pt>
                <c:pt idx="48">
                  <c:v>44637</c:v>
                </c:pt>
                <c:pt idx="49">
                  <c:v>44636</c:v>
                </c:pt>
                <c:pt idx="50">
                  <c:v>44635</c:v>
                </c:pt>
                <c:pt idx="51">
                  <c:v>44634</c:v>
                </c:pt>
                <c:pt idx="52">
                  <c:v>44631</c:v>
                </c:pt>
                <c:pt idx="53">
                  <c:v>44630</c:v>
                </c:pt>
                <c:pt idx="54">
                  <c:v>44629</c:v>
                </c:pt>
                <c:pt idx="55">
                  <c:v>44628</c:v>
                </c:pt>
                <c:pt idx="56">
                  <c:v>44627</c:v>
                </c:pt>
                <c:pt idx="57">
                  <c:v>44624</c:v>
                </c:pt>
                <c:pt idx="58">
                  <c:v>44623</c:v>
                </c:pt>
                <c:pt idx="59">
                  <c:v>44622</c:v>
                </c:pt>
                <c:pt idx="60">
                  <c:v>44621</c:v>
                </c:pt>
                <c:pt idx="61">
                  <c:v>44620</c:v>
                </c:pt>
                <c:pt idx="62">
                  <c:v>44617</c:v>
                </c:pt>
                <c:pt idx="63">
                  <c:v>44616</c:v>
                </c:pt>
                <c:pt idx="64">
                  <c:v>44615</c:v>
                </c:pt>
                <c:pt idx="65">
                  <c:v>44614</c:v>
                </c:pt>
                <c:pt idx="66">
                  <c:v>44610</c:v>
                </c:pt>
                <c:pt idx="67">
                  <c:v>44609</c:v>
                </c:pt>
                <c:pt idx="68">
                  <c:v>44608</c:v>
                </c:pt>
                <c:pt idx="69">
                  <c:v>44607</c:v>
                </c:pt>
                <c:pt idx="70">
                  <c:v>44606</c:v>
                </c:pt>
                <c:pt idx="71">
                  <c:v>44603</c:v>
                </c:pt>
                <c:pt idx="72">
                  <c:v>44602</c:v>
                </c:pt>
                <c:pt idx="73">
                  <c:v>44601</c:v>
                </c:pt>
                <c:pt idx="74">
                  <c:v>44600</c:v>
                </c:pt>
                <c:pt idx="75">
                  <c:v>44599</c:v>
                </c:pt>
                <c:pt idx="76">
                  <c:v>44596</c:v>
                </c:pt>
                <c:pt idx="77">
                  <c:v>44595</c:v>
                </c:pt>
                <c:pt idx="78">
                  <c:v>44594</c:v>
                </c:pt>
                <c:pt idx="79">
                  <c:v>44593</c:v>
                </c:pt>
                <c:pt idx="80">
                  <c:v>44592</c:v>
                </c:pt>
                <c:pt idx="81">
                  <c:v>44589</c:v>
                </c:pt>
                <c:pt idx="82">
                  <c:v>44588</c:v>
                </c:pt>
                <c:pt idx="83">
                  <c:v>44587</c:v>
                </c:pt>
                <c:pt idx="84">
                  <c:v>44586</c:v>
                </c:pt>
                <c:pt idx="85">
                  <c:v>44585</c:v>
                </c:pt>
                <c:pt idx="86">
                  <c:v>44582</c:v>
                </c:pt>
                <c:pt idx="87">
                  <c:v>44581</c:v>
                </c:pt>
                <c:pt idx="88">
                  <c:v>44580</c:v>
                </c:pt>
                <c:pt idx="89">
                  <c:v>44579</c:v>
                </c:pt>
                <c:pt idx="90">
                  <c:v>44575</c:v>
                </c:pt>
                <c:pt idx="91">
                  <c:v>44574</c:v>
                </c:pt>
                <c:pt idx="92">
                  <c:v>44573</c:v>
                </c:pt>
                <c:pt idx="93">
                  <c:v>44572</c:v>
                </c:pt>
                <c:pt idx="94">
                  <c:v>44571</c:v>
                </c:pt>
                <c:pt idx="95">
                  <c:v>44568</c:v>
                </c:pt>
                <c:pt idx="96">
                  <c:v>44567</c:v>
                </c:pt>
                <c:pt idx="97">
                  <c:v>44566</c:v>
                </c:pt>
                <c:pt idx="98">
                  <c:v>44565</c:v>
                </c:pt>
                <c:pt idx="99">
                  <c:v>44564</c:v>
                </c:pt>
                <c:pt idx="100">
                  <c:v>44561</c:v>
                </c:pt>
                <c:pt idx="101">
                  <c:v>44560</c:v>
                </c:pt>
                <c:pt idx="102">
                  <c:v>44559</c:v>
                </c:pt>
                <c:pt idx="103">
                  <c:v>44558</c:v>
                </c:pt>
                <c:pt idx="104">
                  <c:v>44557</c:v>
                </c:pt>
                <c:pt idx="105">
                  <c:v>44553</c:v>
                </c:pt>
                <c:pt idx="106">
                  <c:v>44552</c:v>
                </c:pt>
                <c:pt idx="107">
                  <c:v>44551</c:v>
                </c:pt>
                <c:pt idx="108">
                  <c:v>44550</c:v>
                </c:pt>
                <c:pt idx="109">
                  <c:v>44547</c:v>
                </c:pt>
                <c:pt idx="110">
                  <c:v>44546</c:v>
                </c:pt>
                <c:pt idx="111">
                  <c:v>44545</c:v>
                </c:pt>
                <c:pt idx="112">
                  <c:v>44544</c:v>
                </c:pt>
                <c:pt idx="113">
                  <c:v>44543</c:v>
                </c:pt>
                <c:pt idx="114">
                  <c:v>44540</c:v>
                </c:pt>
                <c:pt idx="115">
                  <c:v>44539</c:v>
                </c:pt>
                <c:pt idx="116">
                  <c:v>44538</c:v>
                </c:pt>
                <c:pt idx="117">
                  <c:v>44537</c:v>
                </c:pt>
                <c:pt idx="118">
                  <c:v>44536</c:v>
                </c:pt>
                <c:pt idx="119">
                  <c:v>44533</c:v>
                </c:pt>
                <c:pt idx="120">
                  <c:v>44532</c:v>
                </c:pt>
                <c:pt idx="121">
                  <c:v>44531</c:v>
                </c:pt>
                <c:pt idx="122">
                  <c:v>44530</c:v>
                </c:pt>
                <c:pt idx="123">
                  <c:v>44529</c:v>
                </c:pt>
                <c:pt idx="124">
                  <c:v>44526</c:v>
                </c:pt>
                <c:pt idx="125">
                  <c:v>44524</c:v>
                </c:pt>
                <c:pt idx="126">
                  <c:v>44523</c:v>
                </c:pt>
                <c:pt idx="127">
                  <c:v>44522</c:v>
                </c:pt>
                <c:pt idx="128">
                  <c:v>44519</c:v>
                </c:pt>
                <c:pt idx="129">
                  <c:v>44518</c:v>
                </c:pt>
                <c:pt idx="130">
                  <c:v>44517</c:v>
                </c:pt>
                <c:pt idx="131">
                  <c:v>44516</c:v>
                </c:pt>
                <c:pt idx="132">
                  <c:v>44515</c:v>
                </c:pt>
                <c:pt idx="133">
                  <c:v>44512</c:v>
                </c:pt>
                <c:pt idx="134">
                  <c:v>44510</c:v>
                </c:pt>
                <c:pt idx="135">
                  <c:v>44509</c:v>
                </c:pt>
                <c:pt idx="136">
                  <c:v>44508</c:v>
                </c:pt>
                <c:pt idx="137">
                  <c:v>44505</c:v>
                </c:pt>
                <c:pt idx="138">
                  <c:v>44504</c:v>
                </c:pt>
                <c:pt idx="139">
                  <c:v>44503</c:v>
                </c:pt>
                <c:pt idx="140">
                  <c:v>44502</c:v>
                </c:pt>
                <c:pt idx="141">
                  <c:v>44501</c:v>
                </c:pt>
                <c:pt idx="142">
                  <c:v>44498</c:v>
                </c:pt>
                <c:pt idx="143">
                  <c:v>44497</c:v>
                </c:pt>
                <c:pt idx="144">
                  <c:v>44496</c:v>
                </c:pt>
                <c:pt idx="145">
                  <c:v>44495</c:v>
                </c:pt>
                <c:pt idx="146">
                  <c:v>44494</c:v>
                </c:pt>
                <c:pt idx="147">
                  <c:v>44491</c:v>
                </c:pt>
                <c:pt idx="148">
                  <c:v>44490</c:v>
                </c:pt>
                <c:pt idx="149">
                  <c:v>44489</c:v>
                </c:pt>
                <c:pt idx="150">
                  <c:v>44488</c:v>
                </c:pt>
                <c:pt idx="151">
                  <c:v>44487</c:v>
                </c:pt>
                <c:pt idx="152">
                  <c:v>44484</c:v>
                </c:pt>
                <c:pt idx="153">
                  <c:v>44483</c:v>
                </c:pt>
                <c:pt idx="154">
                  <c:v>44482</c:v>
                </c:pt>
                <c:pt idx="155">
                  <c:v>44481</c:v>
                </c:pt>
                <c:pt idx="156">
                  <c:v>44477</c:v>
                </c:pt>
                <c:pt idx="157">
                  <c:v>44476</c:v>
                </c:pt>
                <c:pt idx="158">
                  <c:v>44475</c:v>
                </c:pt>
                <c:pt idx="159">
                  <c:v>44474</c:v>
                </c:pt>
                <c:pt idx="160">
                  <c:v>44473</c:v>
                </c:pt>
                <c:pt idx="161">
                  <c:v>44470</c:v>
                </c:pt>
                <c:pt idx="162">
                  <c:v>44469</c:v>
                </c:pt>
                <c:pt idx="163">
                  <c:v>44468</c:v>
                </c:pt>
                <c:pt idx="164">
                  <c:v>44467</c:v>
                </c:pt>
                <c:pt idx="165">
                  <c:v>44466</c:v>
                </c:pt>
                <c:pt idx="166">
                  <c:v>44463</c:v>
                </c:pt>
                <c:pt idx="167">
                  <c:v>44462</c:v>
                </c:pt>
                <c:pt idx="168">
                  <c:v>44461</c:v>
                </c:pt>
                <c:pt idx="169">
                  <c:v>44460</c:v>
                </c:pt>
                <c:pt idx="170">
                  <c:v>44459</c:v>
                </c:pt>
                <c:pt idx="171">
                  <c:v>44456</c:v>
                </c:pt>
                <c:pt idx="172">
                  <c:v>44455</c:v>
                </c:pt>
                <c:pt idx="173">
                  <c:v>44454</c:v>
                </c:pt>
                <c:pt idx="174">
                  <c:v>44453</c:v>
                </c:pt>
                <c:pt idx="175">
                  <c:v>44452</c:v>
                </c:pt>
                <c:pt idx="176">
                  <c:v>44449</c:v>
                </c:pt>
                <c:pt idx="177">
                  <c:v>44448</c:v>
                </c:pt>
                <c:pt idx="178">
                  <c:v>44447</c:v>
                </c:pt>
                <c:pt idx="179">
                  <c:v>44446</c:v>
                </c:pt>
                <c:pt idx="180">
                  <c:v>44442</c:v>
                </c:pt>
                <c:pt idx="181">
                  <c:v>44441</c:v>
                </c:pt>
                <c:pt idx="182">
                  <c:v>44440</c:v>
                </c:pt>
                <c:pt idx="183">
                  <c:v>44439</c:v>
                </c:pt>
                <c:pt idx="184">
                  <c:v>44438</c:v>
                </c:pt>
                <c:pt idx="185">
                  <c:v>44435</c:v>
                </c:pt>
                <c:pt idx="186">
                  <c:v>44434</c:v>
                </c:pt>
                <c:pt idx="187">
                  <c:v>44433</c:v>
                </c:pt>
                <c:pt idx="188">
                  <c:v>44432</c:v>
                </c:pt>
                <c:pt idx="189">
                  <c:v>44431</c:v>
                </c:pt>
                <c:pt idx="190">
                  <c:v>44428</c:v>
                </c:pt>
                <c:pt idx="191">
                  <c:v>44427</c:v>
                </c:pt>
                <c:pt idx="192">
                  <c:v>44426</c:v>
                </c:pt>
                <c:pt idx="193">
                  <c:v>44425</c:v>
                </c:pt>
                <c:pt idx="194">
                  <c:v>44424</c:v>
                </c:pt>
                <c:pt idx="195">
                  <c:v>44421</c:v>
                </c:pt>
                <c:pt idx="196">
                  <c:v>44420</c:v>
                </c:pt>
                <c:pt idx="197">
                  <c:v>44419</c:v>
                </c:pt>
                <c:pt idx="198">
                  <c:v>44418</c:v>
                </c:pt>
                <c:pt idx="199">
                  <c:v>44417</c:v>
                </c:pt>
                <c:pt idx="200">
                  <c:v>44414</c:v>
                </c:pt>
                <c:pt idx="201">
                  <c:v>44413</c:v>
                </c:pt>
                <c:pt idx="202">
                  <c:v>44412</c:v>
                </c:pt>
                <c:pt idx="203">
                  <c:v>44411</c:v>
                </c:pt>
                <c:pt idx="204">
                  <c:v>44410</c:v>
                </c:pt>
                <c:pt idx="205">
                  <c:v>44407</c:v>
                </c:pt>
                <c:pt idx="206">
                  <c:v>44406</c:v>
                </c:pt>
                <c:pt idx="207">
                  <c:v>44405</c:v>
                </c:pt>
                <c:pt idx="208">
                  <c:v>44404</c:v>
                </c:pt>
                <c:pt idx="209">
                  <c:v>44403</c:v>
                </c:pt>
                <c:pt idx="210">
                  <c:v>44400</c:v>
                </c:pt>
                <c:pt idx="211">
                  <c:v>44399</c:v>
                </c:pt>
                <c:pt idx="212">
                  <c:v>44398</c:v>
                </c:pt>
                <c:pt idx="213">
                  <c:v>44397</c:v>
                </c:pt>
                <c:pt idx="214">
                  <c:v>44396</c:v>
                </c:pt>
                <c:pt idx="215">
                  <c:v>44393</c:v>
                </c:pt>
                <c:pt idx="216">
                  <c:v>44392</c:v>
                </c:pt>
                <c:pt idx="217">
                  <c:v>44391</c:v>
                </c:pt>
                <c:pt idx="218">
                  <c:v>44390</c:v>
                </c:pt>
                <c:pt idx="219">
                  <c:v>44389</c:v>
                </c:pt>
                <c:pt idx="220">
                  <c:v>44386</c:v>
                </c:pt>
                <c:pt idx="221">
                  <c:v>44385</c:v>
                </c:pt>
                <c:pt idx="222">
                  <c:v>44384</c:v>
                </c:pt>
                <c:pt idx="223">
                  <c:v>44383</c:v>
                </c:pt>
                <c:pt idx="224">
                  <c:v>44379</c:v>
                </c:pt>
                <c:pt idx="225">
                  <c:v>44378</c:v>
                </c:pt>
                <c:pt idx="226">
                  <c:v>44377</c:v>
                </c:pt>
                <c:pt idx="227">
                  <c:v>44376</c:v>
                </c:pt>
                <c:pt idx="228">
                  <c:v>44375</c:v>
                </c:pt>
                <c:pt idx="229">
                  <c:v>44372</c:v>
                </c:pt>
                <c:pt idx="230">
                  <c:v>44371</c:v>
                </c:pt>
                <c:pt idx="231">
                  <c:v>44370</c:v>
                </c:pt>
                <c:pt idx="232">
                  <c:v>44369</c:v>
                </c:pt>
                <c:pt idx="233">
                  <c:v>44368</c:v>
                </c:pt>
                <c:pt idx="234">
                  <c:v>44365</c:v>
                </c:pt>
                <c:pt idx="235">
                  <c:v>44364</c:v>
                </c:pt>
                <c:pt idx="236">
                  <c:v>44363</c:v>
                </c:pt>
                <c:pt idx="237">
                  <c:v>44362</c:v>
                </c:pt>
                <c:pt idx="238">
                  <c:v>44361</c:v>
                </c:pt>
                <c:pt idx="239">
                  <c:v>44358</c:v>
                </c:pt>
                <c:pt idx="240">
                  <c:v>44357</c:v>
                </c:pt>
                <c:pt idx="241">
                  <c:v>44356</c:v>
                </c:pt>
                <c:pt idx="242">
                  <c:v>44355</c:v>
                </c:pt>
                <c:pt idx="243">
                  <c:v>44354</c:v>
                </c:pt>
                <c:pt idx="244">
                  <c:v>44351</c:v>
                </c:pt>
                <c:pt idx="245">
                  <c:v>44350</c:v>
                </c:pt>
                <c:pt idx="246">
                  <c:v>44349</c:v>
                </c:pt>
                <c:pt idx="247">
                  <c:v>44348</c:v>
                </c:pt>
                <c:pt idx="248">
                  <c:v>44344</c:v>
                </c:pt>
                <c:pt idx="249">
                  <c:v>44343</c:v>
                </c:pt>
                <c:pt idx="250">
                  <c:v>44342</c:v>
                </c:pt>
                <c:pt idx="251">
                  <c:v>44341</c:v>
                </c:pt>
                <c:pt idx="252">
                  <c:v>44340</c:v>
                </c:pt>
                <c:pt idx="253">
                  <c:v>44337</c:v>
                </c:pt>
                <c:pt idx="254">
                  <c:v>44336</c:v>
                </c:pt>
                <c:pt idx="255">
                  <c:v>44335</c:v>
                </c:pt>
                <c:pt idx="256">
                  <c:v>44334</c:v>
                </c:pt>
                <c:pt idx="257">
                  <c:v>44333</c:v>
                </c:pt>
                <c:pt idx="258">
                  <c:v>44330</c:v>
                </c:pt>
                <c:pt idx="259">
                  <c:v>44329</c:v>
                </c:pt>
                <c:pt idx="260">
                  <c:v>44328</c:v>
                </c:pt>
                <c:pt idx="261">
                  <c:v>44327</c:v>
                </c:pt>
                <c:pt idx="262">
                  <c:v>44326</c:v>
                </c:pt>
                <c:pt idx="263">
                  <c:v>44323</c:v>
                </c:pt>
                <c:pt idx="264">
                  <c:v>44322</c:v>
                </c:pt>
                <c:pt idx="265">
                  <c:v>44321</c:v>
                </c:pt>
                <c:pt idx="266">
                  <c:v>44320</c:v>
                </c:pt>
                <c:pt idx="267">
                  <c:v>44319</c:v>
                </c:pt>
                <c:pt idx="268">
                  <c:v>44316</c:v>
                </c:pt>
                <c:pt idx="269">
                  <c:v>44315</c:v>
                </c:pt>
                <c:pt idx="270">
                  <c:v>44314</c:v>
                </c:pt>
                <c:pt idx="271">
                  <c:v>44313</c:v>
                </c:pt>
                <c:pt idx="272">
                  <c:v>44312</c:v>
                </c:pt>
                <c:pt idx="273">
                  <c:v>44309</c:v>
                </c:pt>
                <c:pt idx="274">
                  <c:v>44308</c:v>
                </c:pt>
                <c:pt idx="275">
                  <c:v>44307</c:v>
                </c:pt>
                <c:pt idx="276">
                  <c:v>44306</c:v>
                </c:pt>
                <c:pt idx="277">
                  <c:v>44305</c:v>
                </c:pt>
                <c:pt idx="278">
                  <c:v>44302</c:v>
                </c:pt>
                <c:pt idx="279">
                  <c:v>44301</c:v>
                </c:pt>
                <c:pt idx="280">
                  <c:v>44300</c:v>
                </c:pt>
                <c:pt idx="281">
                  <c:v>44299</c:v>
                </c:pt>
                <c:pt idx="282">
                  <c:v>44298</c:v>
                </c:pt>
                <c:pt idx="283">
                  <c:v>44295</c:v>
                </c:pt>
                <c:pt idx="284">
                  <c:v>44294</c:v>
                </c:pt>
                <c:pt idx="285">
                  <c:v>44293</c:v>
                </c:pt>
                <c:pt idx="286">
                  <c:v>44292</c:v>
                </c:pt>
                <c:pt idx="287">
                  <c:v>44291</c:v>
                </c:pt>
                <c:pt idx="288">
                  <c:v>44287</c:v>
                </c:pt>
                <c:pt idx="289">
                  <c:v>44286</c:v>
                </c:pt>
                <c:pt idx="290">
                  <c:v>44285</c:v>
                </c:pt>
                <c:pt idx="291">
                  <c:v>44284</c:v>
                </c:pt>
                <c:pt idx="292">
                  <c:v>44281</c:v>
                </c:pt>
                <c:pt idx="293">
                  <c:v>44280</c:v>
                </c:pt>
                <c:pt idx="294">
                  <c:v>44279</c:v>
                </c:pt>
                <c:pt idx="295">
                  <c:v>44278</c:v>
                </c:pt>
                <c:pt idx="296">
                  <c:v>44277</c:v>
                </c:pt>
                <c:pt idx="297">
                  <c:v>44274</c:v>
                </c:pt>
                <c:pt idx="298">
                  <c:v>44273</c:v>
                </c:pt>
                <c:pt idx="299">
                  <c:v>44272</c:v>
                </c:pt>
                <c:pt idx="300">
                  <c:v>44271</c:v>
                </c:pt>
                <c:pt idx="301">
                  <c:v>44270</c:v>
                </c:pt>
                <c:pt idx="302">
                  <c:v>44267</c:v>
                </c:pt>
                <c:pt idx="303">
                  <c:v>44266</c:v>
                </c:pt>
                <c:pt idx="304">
                  <c:v>44265</c:v>
                </c:pt>
                <c:pt idx="305">
                  <c:v>44264</c:v>
                </c:pt>
                <c:pt idx="306">
                  <c:v>44263</c:v>
                </c:pt>
                <c:pt idx="307">
                  <c:v>44260</c:v>
                </c:pt>
                <c:pt idx="308">
                  <c:v>44259</c:v>
                </c:pt>
                <c:pt idx="309">
                  <c:v>44258</c:v>
                </c:pt>
                <c:pt idx="310">
                  <c:v>44257</c:v>
                </c:pt>
                <c:pt idx="311">
                  <c:v>44256</c:v>
                </c:pt>
                <c:pt idx="312">
                  <c:v>44253</c:v>
                </c:pt>
                <c:pt idx="313">
                  <c:v>44252</c:v>
                </c:pt>
                <c:pt idx="314">
                  <c:v>44251</c:v>
                </c:pt>
                <c:pt idx="315">
                  <c:v>44250</c:v>
                </c:pt>
                <c:pt idx="316">
                  <c:v>44249</c:v>
                </c:pt>
                <c:pt idx="317">
                  <c:v>44246</c:v>
                </c:pt>
                <c:pt idx="318">
                  <c:v>44245</c:v>
                </c:pt>
                <c:pt idx="319">
                  <c:v>44244</c:v>
                </c:pt>
                <c:pt idx="320">
                  <c:v>44243</c:v>
                </c:pt>
                <c:pt idx="321">
                  <c:v>44239</c:v>
                </c:pt>
                <c:pt idx="322">
                  <c:v>44238</c:v>
                </c:pt>
                <c:pt idx="323">
                  <c:v>44237</c:v>
                </c:pt>
                <c:pt idx="324">
                  <c:v>44236</c:v>
                </c:pt>
                <c:pt idx="325">
                  <c:v>44235</c:v>
                </c:pt>
                <c:pt idx="326">
                  <c:v>44232</c:v>
                </c:pt>
                <c:pt idx="327">
                  <c:v>44231</c:v>
                </c:pt>
                <c:pt idx="328">
                  <c:v>44230</c:v>
                </c:pt>
                <c:pt idx="329">
                  <c:v>44229</c:v>
                </c:pt>
                <c:pt idx="330">
                  <c:v>44228</c:v>
                </c:pt>
                <c:pt idx="331">
                  <c:v>44225</c:v>
                </c:pt>
                <c:pt idx="332">
                  <c:v>44224</c:v>
                </c:pt>
                <c:pt idx="333">
                  <c:v>44223</c:v>
                </c:pt>
                <c:pt idx="334">
                  <c:v>44222</c:v>
                </c:pt>
                <c:pt idx="335">
                  <c:v>44221</c:v>
                </c:pt>
                <c:pt idx="336">
                  <c:v>44218</c:v>
                </c:pt>
                <c:pt idx="337">
                  <c:v>44217</c:v>
                </c:pt>
                <c:pt idx="338">
                  <c:v>44216</c:v>
                </c:pt>
                <c:pt idx="339">
                  <c:v>44215</c:v>
                </c:pt>
                <c:pt idx="340">
                  <c:v>44211</c:v>
                </c:pt>
                <c:pt idx="341">
                  <c:v>44210</c:v>
                </c:pt>
                <c:pt idx="342">
                  <c:v>44209</c:v>
                </c:pt>
                <c:pt idx="343">
                  <c:v>44208</c:v>
                </c:pt>
                <c:pt idx="344">
                  <c:v>44207</c:v>
                </c:pt>
                <c:pt idx="345">
                  <c:v>44204</c:v>
                </c:pt>
                <c:pt idx="346">
                  <c:v>44203</c:v>
                </c:pt>
                <c:pt idx="347">
                  <c:v>44202</c:v>
                </c:pt>
                <c:pt idx="348">
                  <c:v>44201</c:v>
                </c:pt>
                <c:pt idx="349">
                  <c:v>44200</c:v>
                </c:pt>
                <c:pt idx="350">
                  <c:v>44196</c:v>
                </c:pt>
                <c:pt idx="351">
                  <c:v>44195</c:v>
                </c:pt>
                <c:pt idx="352">
                  <c:v>44194</c:v>
                </c:pt>
                <c:pt idx="353">
                  <c:v>44193</c:v>
                </c:pt>
                <c:pt idx="354">
                  <c:v>44189</c:v>
                </c:pt>
                <c:pt idx="355">
                  <c:v>44188</c:v>
                </c:pt>
                <c:pt idx="356">
                  <c:v>44187</c:v>
                </c:pt>
                <c:pt idx="357">
                  <c:v>44186</c:v>
                </c:pt>
                <c:pt idx="358">
                  <c:v>44183</c:v>
                </c:pt>
                <c:pt idx="359">
                  <c:v>44182</c:v>
                </c:pt>
                <c:pt idx="360">
                  <c:v>44181</c:v>
                </c:pt>
                <c:pt idx="361">
                  <c:v>44180</c:v>
                </c:pt>
                <c:pt idx="362">
                  <c:v>44179</c:v>
                </c:pt>
                <c:pt idx="363">
                  <c:v>44176</c:v>
                </c:pt>
                <c:pt idx="364">
                  <c:v>44175</c:v>
                </c:pt>
                <c:pt idx="365">
                  <c:v>44174</c:v>
                </c:pt>
                <c:pt idx="366">
                  <c:v>44173</c:v>
                </c:pt>
                <c:pt idx="367">
                  <c:v>44172</c:v>
                </c:pt>
                <c:pt idx="368">
                  <c:v>44169</c:v>
                </c:pt>
                <c:pt idx="369">
                  <c:v>44168</c:v>
                </c:pt>
                <c:pt idx="370">
                  <c:v>44167</c:v>
                </c:pt>
                <c:pt idx="371">
                  <c:v>44166</c:v>
                </c:pt>
                <c:pt idx="372">
                  <c:v>44165</c:v>
                </c:pt>
                <c:pt idx="373">
                  <c:v>44162</c:v>
                </c:pt>
                <c:pt idx="374">
                  <c:v>44160</c:v>
                </c:pt>
                <c:pt idx="375">
                  <c:v>44159</c:v>
                </c:pt>
                <c:pt idx="376">
                  <c:v>44158</c:v>
                </c:pt>
                <c:pt idx="377">
                  <c:v>44155</c:v>
                </c:pt>
                <c:pt idx="378">
                  <c:v>44154</c:v>
                </c:pt>
                <c:pt idx="379">
                  <c:v>44153</c:v>
                </c:pt>
                <c:pt idx="380">
                  <c:v>44152</c:v>
                </c:pt>
                <c:pt idx="381">
                  <c:v>44151</c:v>
                </c:pt>
                <c:pt idx="382">
                  <c:v>44148</c:v>
                </c:pt>
                <c:pt idx="383">
                  <c:v>44147</c:v>
                </c:pt>
                <c:pt idx="384">
                  <c:v>44145</c:v>
                </c:pt>
                <c:pt idx="385">
                  <c:v>44144</c:v>
                </c:pt>
                <c:pt idx="386">
                  <c:v>44141</c:v>
                </c:pt>
                <c:pt idx="387">
                  <c:v>44140</c:v>
                </c:pt>
                <c:pt idx="388">
                  <c:v>44139</c:v>
                </c:pt>
                <c:pt idx="389">
                  <c:v>44138</c:v>
                </c:pt>
                <c:pt idx="390">
                  <c:v>44137</c:v>
                </c:pt>
                <c:pt idx="391">
                  <c:v>44134</c:v>
                </c:pt>
                <c:pt idx="392">
                  <c:v>44133</c:v>
                </c:pt>
                <c:pt idx="393">
                  <c:v>44132</c:v>
                </c:pt>
                <c:pt idx="394">
                  <c:v>44131</c:v>
                </c:pt>
                <c:pt idx="395">
                  <c:v>44130</c:v>
                </c:pt>
                <c:pt idx="396">
                  <c:v>44127</c:v>
                </c:pt>
                <c:pt idx="397">
                  <c:v>44126</c:v>
                </c:pt>
                <c:pt idx="398">
                  <c:v>44125</c:v>
                </c:pt>
                <c:pt idx="399">
                  <c:v>44124</c:v>
                </c:pt>
                <c:pt idx="400">
                  <c:v>44123</c:v>
                </c:pt>
                <c:pt idx="401">
                  <c:v>44120</c:v>
                </c:pt>
                <c:pt idx="402">
                  <c:v>44119</c:v>
                </c:pt>
                <c:pt idx="403">
                  <c:v>44118</c:v>
                </c:pt>
                <c:pt idx="404">
                  <c:v>44117</c:v>
                </c:pt>
                <c:pt idx="405">
                  <c:v>44113</c:v>
                </c:pt>
                <c:pt idx="406">
                  <c:v>44112</c:v>
                </c:pt>
                <c:pt idx="407">
                  <c:v>44111</c:v>
                </c:pt>
                <c:pt idx="408">
                  <c:v>44110</c:v>
                </c:pt>
                <c:pt idx="409">
                  <c:v>44109</c:v>
                </c:pt>
                <c:pt idx="410">
                  <c:v>44106</c:v>
                </c:pt>
                <c:pt idx="411">
                  <c:v>44105</c:v>
                </c:pt>
                <c:pt idx="412">
                  <c:v>44104</c:v>
                </c:pt>
                <c:pt idx="413">
                  <c:v>44103</c:v>
                </c:pt>
                <c:pt idx="414">
                  <c:v>44102</c:v>
                </c:pt>
                <c:pt idx="415">
                  <c:v>44099</c:v>
                </c:pt>
                <c:pt idx="416">
                  <c:v>44098</c:v>
                </c:pt>
                <c:pt idx="417">
                  <c:v>44097</c:v>
                </c:pt>
                <c:pt idx="418">
                  <c:v>44096</c:v>
                </c:pt>
                <c:pt idx="419">
                  <c:v>44095</c:v>
                </c:pt>
                <c:pt idx="420">
                  <c:v>44092</c:v>
                </c:pt>
                <c:pt idx="421">
                  <c:v>44091</c:v>
                </c:pt>
                <c:pt idx="422">
                  <c:v>44090</c:v>
                </c:pt>
                <c:pt idx="423">
                  <c:v>44089</c:v>
                </c:pt>
                <c:pt idx="424">
                  <c:v>44088</c:v>
                </c:pt>
                <c:pt idx="425">
                  <c:v>44085</c:v>
                </c:pt>
                <c:pt idx="426">
                  <c:v>44084</c:v>
                </c:pt>
                <c:pt idx="427">
                  <c:v>44083</c:v>
                </c:pt>
                <c:pt idx="428">
                  <c:v>44082</c:v>
                </c:pt>
                <c:pt idx="429">
                  <c:v>44078</c:v>
                </c:pt>
                <c:pt idx="430">
                  <c:v>44077</c:v>
                </c:pt>
                <c:pt idx="431">
                  <c:v>44076</c:v>
                </c:pt>
                <c:pt idx="432">
                  <c:v>44075</c:v>
                </c:pt>
                <c:pt idx="433">
                  <c:v>44074</c:v>
                </c:pt>
                <c:pt idx="434">
                  <c:v>44071</c:v>
                </c:pt>
                <c:pt idx="435">
                  <c:v>44070</c:v>
                </c:pt>
                <c:pt idx="436">
                  <c:v>44069</c:v>
                </c:pt>
                <c:pt idx="437">
                  <c:v>44068</c:v>
                </c:pt>
                <c:pt idx="438">
                  <c:v>44067</c:v>
                </c:pt>
                <c:pt idx="439">
                  <c:v>44064</c:v>
                </c:pt>
                <c:pt idx="440">
                  <c:v>44063</c:v>
                </c:pt>
                <c:pt idx="441">
                  <c:v>44062</c:v>
                </c:pt>
                <c:pt idx="442">
                  <c:v>44061</c:v>
                </c:pt>
                <c:pt idx="443">
                  <c:v>44060</c:v>
                </c:pt>
                <c:pt idx="444">
                  <c:v>44057</c:v>
                </c:pt>
                <c:pt idx="445">
                  <c:v>44056</c:v>
                </c:pt>
                <c:pt idx="446">
                  <c:v>44055</c:v>
                </c:pt>
                <c:pt idx="447">
                  <c:v>44054</c:v>
                </c:pt>
                <c:pt idx="448">
                  <c:v>44053</c:v>
                </c:pt>
                <c:pt idx="449">
                  <c:v>44050</c:v>
                </c:pt>
                <c:pt idx="450">
                  <c:v>44049</c:v>
                </c:pt>
                <c:pt idx="451">
                  <c:v>44048</c:v>
                </c:pt>
                <c:pt idx="452">
                  <c:v>44047</c:v>
                </c:pt>
                <c:pt idx="453">
                  <c:v>44046</c:v>
                </c:pt>
                <c:pt idx="454">
                  <c:v>44043</c:v>
                </c:pt>
                <c:pt idx="455">
                  <c:v>44042</c:v>
                </c:pt>
                <c:pt idx="456">
                  <c:v>44041</c:v>
                </c:pt>
                <c:pt idx="457">
                  <c:v>44040</c:v>
                </c:pt>
                <c:pt idx="458">
                  <c:v>44039</c:v>
                </c:pt>
                <c:pt idx="459">
                  <c:v>44036</c:v>
                </c:pt>
                <c:pt idx="460">
                  <c:v>44035</c:v>
                </c:pt>
                <c:pt idx="461">
                  <c:v>44034</c:v>
                </c:pt>
                <c:pt idx="462">
                  <c:v>44033</c:v>
                </c:pt>
                <c:pt idx="463">
                  <c:v>44032</c:v>
                </c:pt>
                <c:pt idx="464">
                  <c:v>44029</c:v>
                </c:pt>
                <c:pt idx="465">
                  <c:v>44028</c:v>
                </c:pt>
                <c:pt idx="466">
                  <c:v>44027</c:v>
                </c:pt>
                <c:pt idx="467">
                  <c:v>44026</c:v>
                </c:pt>
                <c:pt idx="468">
                  <c:v>44025</c:v>
                </c:pt>
                <c:pt idx="469">
                  <c:v>44022</c:v>
                </c:pt>
                <c:pt idx="470">
                  <c:v>44021</c:v>
                </c:pt>
                <c:pt idx="471">
                  <c:v>44020</c:v>
                </c:pt>
                <c:pt idx="472">
                  <c:v>44019</c:v>
                </c:pt>
                <c:pt idx="473">
                  <c:v>44018</c:v>
                </c:pt>
                <c:pt idx="474">
                  <c:v>44014</c:v>
                </c:pt>
                <c:pt idx="475">
                  <c:v>44013</c:v>
                </c:pt>
                <c:pt idx="476">
                  <c:v>44012</c:v>
                </c:pt>
                <c:pt idx="477">
                  <c:v>44011</c:v>
                </c:pt>
                <c:pt idx="478">
                  <c:v>44008</c:v>
                </c:pt>
                <c:pt idx="479">
                  <c:v>44007</c:v>
                </c:pt>
                <c:pt idx="480">
                  <c:v>44006</c:v>
                </c:pt>
                <c:pt idx="481">
                  <c:v>44005</c:v>
                </c:pt>
                <c:pt idx="482">
                  <c:v>44004</c:v>
                </c:pt>
                <c:pt idx="483">
                  <c:v>44001</c:v>
                </c:pt>
                <c:pt idx="484">
                  <c:v>44000</c:v>
                </c:pt>
                <c:pt idx="485">
                  <c:v>43999</c:v>
                </c:pt>
                <c:pt idx="486">
                  <c:v>43998</c:v>
                </c:pt>
                <c:pt idx="487">
                  <c:v>43997</c:v>
                </c:pt>
                <c:pt idx="488">
                  <c:v>43994</c:v>
                </c:pt>
                <c:pt idx="489">
                  <c:v>43993</c:v>
                </c:pt>
                <c:pt idx="490">
                  <c:v>43992</c:v>
                </c:pt>
                <c:pt idx="491">
                  <c:v>43991</c:v>
                </c:pt>
                <c:pt idx="492">
                  <c:v>43990</c:v>
                </c:pt>
                <c:pt idx="493">
                  <c:v>43987</c:v>
                </c:pt>
                <c:pt idx="494">
                  <c:v>43986</c:v>
                </c:pt>
                <c:pt idx="495">
                  <c:v>43985</c:v>
                </c:pt>
                <c:pt idx="496">
                  <c:v>43984</c:v>
                </c:pt>
                <c:pt idx="497">
                  <c:v>43983</c:v>
                </c:pt>
                <c:pt idx="498">
                  <c:v>43980</c:v>
                </c:pt>
                <c:pt idx="499">
                  <c:v>43979</c:v>
                </c:pt>
                <c:pt idx="500">
                  <c:v>43978</c:v>
                </c:pt>
                <c:pt idx="501">
                  <c:v>43977</c:v>
                </c:pt>
                <c:pt idx="502">
                  <c:v>43973</c:v>
                </c:pt>
                <c:pt idx="503">
                  <c:v>43972</c:v>
                </c:pt>
                <c:pt idx="504">
                  <c:v>43971</c:v>
                </c:pt>
                <c:pt idx="505">
                  <c:v>43970</c:v>
                </c:pt>
                <c:pt idx="506">
                  <c:v>43969</c:v>
                </c:pt>
                <c:pt idx="507">
                  <c:v>43966</c:v>
                </c:pt>
                <c:pt idx="508">
                  <c:v>43965</c:v>
                </c:pt>
                <c:pt idx="509">
                  <c:v>43964</c:v>
                </c:pt>
                <c:pt idx="510">
                  <c:v>43963</c:v>
                </c:pt>
                <c:pt idx="511">
                  <c:v>43962</c:v>
                </c:pt>
                <c:pt idx="512">
                  <c:v>43959</c:v>
                </c:pt>
                <c:pt idx="513">
                  <c:v>43958</c:v>
                </c:pt>
                <c:pt idx="514">
                  <c:v>43957</c:v>
                </c:pt>
                <c:pt idx="515">
                  <c:v>43956</c:v>
                </c:pt>
                <c:pt idx="516">
                  <c:v>43955</c:v>
                </c:pt>
                <c:pt idx="517">
                  <c:v>43952</c:v>
                </c:pt>
                <c:pt idx="518">
                  <c:v>43951</c:v>
                </c:pt>
                <c:pt idx="519">
                  <c:v>43950</c:v>
                </c:pt>
                <c:pt idx="520">
                  <c:v>43949</c:v>
                </c:pt>
                <c:pt idx="521">
                  <c:v>43948</c:v>
                </c:pt>
                <c:pt idx="522">
                  <c:v>43945</c:v>
                </c:pt>
                <c:pt idx="523">
                  <c:v>43944</c:v>
                </c:pt>
                <c:pt idx="524">
                  <c:v>43943</c:v>
                </c:pt>
                <c:pt idx="525">
                  <c:v>43942</c:v>
                </c:pt>
                <c:pt idx="526">
                  <c:v>43941</c:v>
                </c:pt>
                <c:pt idx="527">
                  <c:v>43938</c:v>
                </c:pt>
                <c:pt idx="528">
                  <c:v>43937</c:v>
                </c:pt>
                <c:pt idx="529">
                  <c:v>43936</c:v>
                </c:pt>
                <c:pt idx="530">
                  <c:v>43935</c:v>
                </c:pt>
                <c:pt idx="531">
                  <c:v>43934</c:v>
                </c:pt>
                <c:pt idx="532">
                  <c:v>43930</c:v>
                </c:pt>
                <c:pt idx="533">
                  <c:v>43929</c:v>
                </c:pt>
                <c:pt idx="534">
                  <c:v>43928</c:v>
                </c:pt>
                <c:pt idx="535">
                  <c:v>43927</c:v>
                </c:pt>
                <c:pt idx="536">
                  <c:v>43924</c:v>
                </c:pt>
                <c:pt idx="537">
                  <c:v>43923</c:v>
                </c:pt>
                <c:pt idx="538">
                  <c:v>43922</c:v>
                </c:pt>
                <c:pt idx="539">
                  <c:v>43921</c:v>
                </c:pt>
                <c:pt idx="540">
                  <c:v>43920</c:v>
                </c:pt>
                <c:pt idx="541">
                  <c:v>43917</c:v>
                </c:pt>
                <c:pt idx="542">
                  <c:v>43916</c:v>
                </c:pt>
                <c:pt idx="543">
                  <c:v>43915</c:v>
                </c:pt>
                <c:pt idx="544">
                  <c:v>43914</c:v>
                </c:pt>
                <c:pt idx="545">
                  <c:v>43913</c:v>
                </c:pt>
                <c:pt idx="546">
                  <c:v>43910</c:v>
                </c:pt>
                <c:pt idx="547">
                  <c:v>43909</c:v>
                </c:pt>
                <c:pt idx="548">
                  <c:v>43908</c:v>
                </c:pt>
                <c:pt idx="549">
                  <c:v>43907</c:v>
                </c:pt>
                <c:pt idx="550">
                  <c:v>43906</c:v>
                </c:pt>
                <c:pt idx="551">
                  <c:v>43903</c:v>
                </c:pt>
                <c:pt idx="552">
                  <c:v>43902</c:v>
                </c:pt>
                <c:pt idx="553">
                  <c:v>43901</c:v>
                </c:pt>
                <c:pt idx="554">
                  <c:v>43900</c:v>
                </c:pt>
                <c:pt idx="555">
                  <c:v>43899</c:v>
                </c:pt>
                <c:pt idx="556">
                  <c:v>43896</c:v>
                </c:pt>
                <c:pt idx="557">
                  <c:v>43895</c:v>
                </c:pt>
                <c:pt idx="558">
                  <c:v>43894</c:v>
                </c:pt>
                <c:pt idx="559">
                  <c:v>43893</c:v>
                </c:pt>
                <c:pt idx="560">
                  <c:v>43892</c:v>
                </c:pt>
                <c:pt idx="561">
                  <c:v>43889</c:v>
                </c:pt>
                <c:pt idx="562">
                  <c:v>43888</c:v>
                </c:pt>
                <c:pt idx="563">
                  <c:v>43887</c:v>
                </c:pt>
                <c:pt idx="564">
                  <c:v>43886</c:v>
                </c:pt>
                <c:pt idx="565">
                  <c:v>43885</c:v>
                </c:pt>
                <c:pt idx="566">
                  <c:v>43882</c:v>
                </c:pt>
                <c:pt idx="567">
                  <c:v>43881</c:v>
                </c:pt>
                <c:pt idx="568">
                  <c:v>43880</c:v>
                </c:pt>
                <c:pt idx="569">
                  <c:v>43879</c:v>
                </c:pt>
                <c:pt idx="570">
                  <c:v>43875</c:v>
                </c:pt>
                <c:pt idx="571">
                  <c:v>43874</c:v>
                </c:pt>
                <c:pt idx="572">
                  <c:v>43873</c:v>
                </c:pt>
                <c:pt idx="573">
                  <c:v>43872</c:v>
                </c:pt>
                <c:pt idx="574">
                  <c:v>43871</c:v>
                </c:pt>
                <c:pt idx="575">
                  <c:v>43868</c:v>
                </c:pt>
                <c:pt idx="576">
                  <c:v>43867</c:v>
                </c:pt>
                <c:pt idx="577">
                  <c:v>43866</c:v>
                </c:pt>
                <c:pt idx="578">
                  <c:v>43865</c:v>
                </c:pt>
                <c:pt idx="579">
                  <c:v>43864</c:v>
                </c:pt>
                <c:pt idx="580">
                  <c:v>43861</c:v>
                </c:pt>
                <c:pt idx="581">
                  <c:v>43860</c:v>
                </c:pt>
                <c:pt idx="582">
                  <c:v>43859</c:v>
                </c:pt>
                <c:pt idx="583">
                  <c:v>43858</c:v>
                </c:pt>
                <c:pt idx="584">
                  <c:v>43857</c:v>
                </c:pt>
                <c:pt idx="585">
                  <c:v>43854</c:v>
                </c:pt>
                <c:pt idx="586">
                  <c:v>43853</c:v>
                </c:pt>
                <c:pt idx="587">
                  <c:v>43852</c:v>
                </c:pt>
                <c:pt idx="588">
                  <c:v>43851</c:v>
                </c:pt>
                <c:pt idx="589">
                  <c:v>43847</c:v>
                </c:pt>
                <c:pt idx="590">
                  <c:v>43846</c:v>
                </c:pt>
                <c:pt idx="591">
                  <c:v>43845</c:v>
                </c:pt>
                <c:pt idx="592">
                  <c:v>43844</c:v>
                </c:pt>
                <c:pt idx="593">
                  <c:v>43843</c:v>
                </c:pt>
                <c:pt idx="594">
                  <c:v>43840</c:v>
                </c:pt>
                <c:pt idx="595">
                  <c:v>43839</c:v>
                </c:pt>
                <c:pt idx="596">
                  <c:v>43838</c:v>
                </c:pt>
                <c:pt idx="597">
                  <c:v>43837</c:v>
                </c:pt>
                <c:pt idx="598">
                  <c:v>43836</c:v>
                </c:pt>
                <c:pt idx="599">
                  <c:v>43833</c:v>
                </c:pt>
                <c:pt idx="600">
                  <c:v>43832</c:v>
                </c:pt>
                <c:pt idx="601">
                  <c:v>43830</c:v>
                </c:pt>
                <c:pt idx="602">
                  <c:v>43829</c:v>
                </c:pt>
                <c:pt idx="603">
                  <c:v>43826</c:v>
                </c:pt>
                <c:pt idx="604">
                  <c:v>43825</c:v>
                </c:pt>
                <c:pt idx="605">
                  <c:v>43823</c:v>
                </c:pt>
                <c:pt idx="606">
                  <c:v>43822</c:v>
                </c:pt>
                <c:pt idx="607">
                  <c:v>43819</c:v>
                </c:pt>
                <c:pt idx="608">
                  <c:v>43818</c:v>
                </c:pt>
                <c:pt idx="609">
                  <c:v>43817</c:v>
                </c:pt>
                <c:pt idx="610">
                  <c:v>43816</c:v>
                </c:pt>
                <c:pt idx="611">
                  <c:v>43815</c:v>
                </c:pt>
                <c:pt idx="612">
                  <c:v>43812</c:v>
                </c:pt>
                <c:pt idx="613">
                  <c:v>43811</c:v>
                </c:pt>
                <c:pt idx="614">
                  <c:v>43810</c:v>
                </c:pt>
                <c:pt idx="615">
                  <c:v>43809</c:v>
                </c:pt>
                <c:pt idx="616">
                  <c:v>43808</c:v>
                </c:pt>
                <c:pt idx="617">
                  <c:v>43805</c:v>
                </c:pt>
                <c:pt idx="618">
                  <c:v>43804</c:v>
                </c:pt>
                <c:pt idx="619">
                  <c:v>43803</c:v>
                </c:pt>
                <c:pt idx="620">
                  <c:v>43802</c:v>
                </c:pt>
                <c:pt idx="621">
                  <c:v>43801</c:v>
                </c:pt>
                <c:pt idx="622">
                  <c:v>43798</c:v>
                </c:pt>
                <c:pt idx="623">
                  <c:v>43796</c:v>
                </c:pt>
                <c:pt idx="624">
                  <c:v>43795</c:v>
                </c:pt>
                <c:pt idx="625">
                  <c:v>43794</c:v>
                </c:pt>
                <c:pt idx="626">
                  <c:v>43791</c:v>
                </c:pt>
                <c:pt idx="627">
                  <c:v>43790</c:v>
                </c:pt>
                <c:pt idx="628">
                  <c:v>43789</c:v>
                </c:pt>
                <c:pt idx="629">
                  <c:v>43788</c:v>
                </c:pt>
                <c:pt idx="630">
                  <c:v>43787</c:v>
                </c:pt>
                <c:pt idx="631">
                  <c:v>43784</c:v>
                </c:pt>
                <c:pt idx="632">
                  <c:v>43783</c:v>
                </c:pt>
                <c:pt idx="633">
                  <c:v>43782</c:v>
                </c:pt>
                <c:pt idx="634">
                  <c:v>43781</c:v>
                </c:pt>
                <c:pt idx="635">
                  <c:v>43777</c:v>
                </c:pt>
                <c:pt idx="636">
                  <c:v>43776</c:v>
                </c:pt>
                <c:pt idx="637">
                  <c:v>43775</c:v>
                </c:pt>
                <c:pt idx="638">
                  <c:v>43774</c:v>
                </c:pt>
                <c:pt idx="639">
                  <c:v>43773</c:v>
                </c:pt>
                <c:pt idx="640">
                  <c:v>43770</c:v>
                </c:pt>
                <c:pt idx="641">
                  <c:v>43769</c:v>
                </c:pt>
                <c:pt idx="642">
                  <c:v>43768</c:v>
                </c:pt>
                <c:pt idx="643">
                  <c:v>43767</c:v>
                </c:pt>
                <c:pt idx="644">
                  <c:v>43766</c:v>
                </c:pt>
                <c:pt idx="645">
                  <c:v>43763</c:v>
                </c:pt>
                <c:pt idx="646">
                  <c:v>43762</c:v>
                </c:pt>
                <c:pt idx="647">
                  <c:v>43761</c:v>
                </c:pt>
                <c:pt idx="648">
                  <c:v>43760</c:v>
                </c:pt>
                <c:pt idx="649">
                  <c:v>43759</c:v>
                </c:pt>
                <c:pt idx="650">
                  <c:v>43756</c:v>
                </c:pt>
                <c:pt idx="651">
                  <c:v>43755</c:v>
                </c:pt>
                <c:pt idx="652">
                  <c:v>43754</c:v>
                </c:pt>
                <c:pt idx="653">
                  <c:v>43753</c:v>
                </c:pt>
                <c:pt idx="654">
                  <c:v>43749</c:v>
                </c:pt>
                <c:pt idx="655">
                  <c:v>43748</c:v>
                </c:pt>
                <c:pt idx="656">
                  <c:v>43747</c:v>
                </c:pt>
                <c:pt idx="657">
                  <c:v>43746</c:v>
                </c:pt>
                <c:pt idx="658">
                  <c:v>43745</c:v>
                </c:pt>
                <c:pt idx="659">
                  <c:v>43742</c:v>
                </c:pt>
                <c:pt idx="660">
                  <c:v>43741</c:v>
                </c:pt>
                <c:pt idx="661">
                  <c:v>43740</c:v>
                </c:pt>
                <c:pt idx="662">
                  <c:v>43739</c:v>
                </c:pt>
                <c:pt idx="663">
                  <c:v>43738</c:v>
                </c:pt>
                <c:pt idx="664">
                  <c:v>43735</c:v>
                </c:pt>
                <c:pt idx="665">
                  <c:v>43734</c:v>
                </c:pt>
                <c:pt idx="666">
                  <c:v>43733</c:v>
                </c:pt>
                <c:pt idx="667">
                  <c:v>43732</c:v>
                </c:pt>
                <c:pt idx="668">
                  <c:v>43731</c:v>
                </c:pt>
                <c:pt idx="669">
                  <c:v>43728</c:v>
                </c:pt>
                <c:pt idx="670">
                  <c:v>43727</c:v>
                </c:pt>
                <c:pt idx="671">
                  <c:v>43726</c:v>
                </c:pt>
                <c:pt idx="672">
                  <c:v>43725</c:v>
                </c:pt>
                <c:pt idx="673">
                  <c:v>43724</c:v>
                </c:pt>
                <c:pt idx="674">
                  <c:v>43721</c:v>
                </c:pt>
                <c:pt idx="675">
                  <c:v>43720</c:v>
                </c:pt>
                <c:pt idx="676">
                  <c:v>43719</c:v>
                </c:pt>
                <c:pt idx="677">
                  <c:v>43718</c:v>
                </c:pt>
                <c:pt idx="678">
                  <c:v>43717</c:v>
                </c:pt>
                <c:pt idx="679">
                  <c:v>43714</c:v>
                </c:pt>
                <c:pt idx="680">
                  <c:v>43713</c:v>
                </c:pt>
                <c:pt idx="681">
                  <c:v>43712</c:v>
                </c:pt>
                <c:pt idx="682">
                  <c:v>43711</c:v>
                </c:pt>
                <c:pt idx="683">
                  <c:v>43707</c:v>
                </c:pt>
                <c:pt idx="684">
                  <c:v>43706</c:v>
                </c:pt>
                <c:pt idx="685">
                  <c:v>43705</c:v>
                </c:pt>
                <c:pt idx="686">
                  <c:v>43704</c:v>
                </c:pt>
                <c:pt idx="687">
                  <c:v>43703</c:v>
                </c:pt>
                <c:pt idx="688">
                  <c:v>43700</c:v>
                </c:pt>
                <c:pt idx="689">
                  <c:v>43699</c:v>
                </c:pt>
                <c:pt idx="690">
                  <c:v>43698</c:v>
                </c:pt>
                <c:pt idx="691">
                  <c:v>43697</c:v>
                </c:pt>
                <c:pt idx="692">
                  <c:v>43696</c:v>
                </c:pt>
                <c:pt idx="693">
                  <c:v>43693</c:v>
                </c:pt>
                <c:pt idx="694">
                  <c:v>43692</c:v>
                </c:pt>
                <c:pt idx="695">
                  <c:v>43691</c:v>
                </c:pt>
                <c:pt idx="696">
                  <c:v>43690</c:v>
                </c:pt>
                <c:pt idx="697">
                  <c:v>43689</c:v>
                </c:pt>
                <c:pt idx="698">
                  <c:v>43686</c:v>
                </c:pt>
                <c:pt idx="699">
                  <c:v>43685</c:v>
                </c:pt>
                <c:pt idx="700">
                  <c:v>43684</c:v>
                </c:pt>
                <c:pt idx="701">
                  <c:v>43683</c:v>
                </c:pt>
                <c:pt idx="702">
                  <c:v>43682</c:v>
                </c:pt>
                <c:pt idx="703">
                  <c:v>43679</c:v>
                </c:pt>
                <c:pt idx="704">
                  <c:v>43678</c:v>
                </c:pt>
                <c:pt idx="705">
                  <c:v>43677</c:v>
                </c:pt>
                <c:pt idx="706">
                  <c:v>43676</c:v>
                </c:pt>
                <c:pt idx="707">
                  <c:v>43675</c:v>
                </c:pt>
                <c:pt idx="708">
                  <c:v>43672</c:v>
                </c:pt>
                <c:pt idx="709">
                  <c:v>43671</c:v>
                </c:pt>
                <c:pt idx="710">
                  <c:v>43670</c:v>
                </c:pt>
                <c:pt idx="711">
                  <c:v>43669</c:v>
                </c:pt>
                <c:pt idx="712">
                  <c:v>43668</c:v>
                </c:pt>
                <c:pt idx="713">
                  <c:v>43665</c:v>
                </c:pt>
                <c:pt idx="714">
                  <c:v>43664</c:v>
                </c:pt>
                <c:pt idx="715">
                  <c:v>43663</c:v>
                </c:pt>
                <c:pt idx="716">
                  <c:v>43662</c:v>
                </c:pt>
                <c:pt idx="717">
                  <c:v>43661</c:v>
                </c:pt>
                <c:pt idx="718">
                  <c:v>43658</c:v>
                </c:pt>
                <c:pt idx="719">
                  <c:v>43657</c:v>
                </c:pt>
                <c:pt idx="720">
                  <c:v>43656</c:v>
                </c:pt>
                <c:pt idx="721">
                  <c:v>43655</c:v>
                </c:pt>
                <c:pt idx="722">
                  <c:v>43654</c:v>
                </c:pt>
                <c:pt idx="723">
                  <c:v>43651</c:v>
                </c:pt>
                <c:pt idx="724">
                  <c:v>43649</c:v>
                </c:pt>
                <c:pt idx="725">
                  <c:v>43648</c:v>
                </c:pt>
                <c:pt idx="726">
                  <c:v>43647</c:v>
                </c:pt>
                <c:pt idx="727">
                  <c:v>43644</c:v>
                </c:pt>
                <c:pt idx="728">
                  <c:v>43643</c:v>
                </c:pt>
                <c:pt idx="729">
                  <c:v>43642</c:v>
                </c:pt>
                <c:pt idx="730">
                  <c:v>43641</c:v>
                </c:pt>
                <c:pt idx="731">
                  <c:v>43640</c:v>
                </c:pt>
                <c:pt idx="732">
                  <c:v>43637</c:v>
                </c:pt>
                <c:pt idx="733">
                  <c:v>43636</c:v>
                </c:pt>
                <c:pt idx="734">
                  <c:v>43635</c:v>
                </c:pt>
                <c:pt idx="735">
                  <c:v>43634</c:v>
                </c:pt>
                <c:pt idx="736">
                  <c:v>43633</c:v>
                </c:pt>
                <c:pt idx="737">
                  <c:v>43630</c:v>
                </c:pt>
                <c:pt idx="738">
                  <c:v>43629</c:v>
                </c:pt>
                <c:pt idx="739">
                  <c:v>43628</c:v>
                </c:pt>
                <c:pt idx="740">
                  <c:v>43627</c:v>
                </c:pt>
                <c:pt idx="741">
                  <c:v>43626</c:v>
                </c:pt>
                <c:pt idx="742">
                  <c:v>43623</c:v>
                </c:pt>
                <c:pt idx="743">
                  <c:v>43622</c:v>
                </c:pt>
                <c:pt idx="744">
                  <c:v>43621</c:v>
                </c:pt>
                <c:pt idx="745">
                  <c:v>43620</c:v>
                </c:pt>
                <c:pt idx="746">
                  <c:v>43619</c:v>
                </c:pt>
                <c:pt idx="747">
                  <c:v>43616</c:v>
                </c:pt>
                <c:pt idx="748">
                  <c:v>43615</c:v>
                </c:pt>
                <c:pt idx="749">
                  <c:v>43614</c:v>
                </c:pt>
                <c:pt idx="750">
                  <c:v>43613</c:v>
                </c:pt>
                <c:pt idx="751">
                  <c:v>43609</c:v>
                </c:pt>
                <c:pt idx="752">
                  <c:v>43608</c:v>
                </c:pt>
                <c:pt idx="753">
                  <c:v>43607</c:v>
                </c:pt>
                <c:pt idx="754">
                  <c:v>43606</c:v>
                </c:pt>
                <c:pt idx="755">
                  <c:v>43605</c:v>
                </c:pt>
                <c:pt idx="756">
                  <c:v>43602</c:v>
                </c:pt>
                <c:pt idx="757">
                  <c:v>43601</c:v>
                </c:pt>
                <c:pt idx="758">
                  <c:v>43600</c:v>
                </c:pt>
                <c:pt idx="759">
                  <c:v>43599</c:v>
                </c:pt>
                <c:pt idx="760">
                  <c:v>43598</c:v>
                </c:pt>
                <c:pt idx="761">
                  <c:v>43595</c:v>
                </c:pt>
                <c:pt idx="762">
                  <c:v>43594</c:v>
                </c:pt>
                <c:pt idx="763">
                  <c:v>43593</c:v>
                </c:pt>
                <c:pt idx="764">
                  <c:v>43592</c:v>
                </c:pt>
                <c:pt idx="765">
                  <c:v>43591</c:v>
                </c:pt>
                <c:pt idx="766">
                  <c:v>43588</c:v>
                </c:pt>
                <c:pt idx="767">
                  <c:v>43587</c:v>
                </c:pt>
                <c:pt idx="768">
                  <c:v>43586</c:v>
                </c:pt>
                <c:pt idx="769">
                  <c:v>43585</c:v>
                </c:pt>
                <c:pt idx="770">
                  <c:v>43584</c:v>
                </c:pt>
                <c:pt idx="771">
                  <c:v>43581</c:v>
                </c:pt>
                <c:pt idx="772">
                  <c:v>43580</c:v>
                </c:pt>
                <c:pt idx="773">
                  <c:v>43579</c:v>
                </c:pt>
                <c:pt idx="774">
                  <c:v>43578</c:v>
                </c:pt>
                <c:pt idx="775">
                  <c:v>43577</c:v>
                </c:pt>
                <c:pt idx="776">
                  <c:v>43573</c:v>
                </c:pt>
                <c:pt idx="777">
                  <c:v>43572</c:v>
                </c:pt>
                <c:pt idx="778">
                  <c:v>43571</c:v>
                </c:pt>
                <c:pt idx="779">
                  <c:v>43570</c:v>
                </c:pt>
                <c:pt idx="780">
                  <c:v>43567</c:v>
                </c:pt>
                <c:pt idx="781">
                  <c:v>43566</c:v>
                </c:pt>
                <c:pt idx="782">
                  <c:v>43565</c:v>
                </c:pt>
                <c:pt idx="783">
                  <c:v>43564</c:v>
                </c:pt>
                <c:pt idx="784">
                  <c:v>43563</c:v>
                </c:pt>
                <c:pt idx="785">
                  <c:v>43560</c:v>
                </c:pt>
                <c:pt idx="786">
                  <c:v>43559</c:v>
                </c:pt>
                <c:pt idx="787">
                  <c:v>43558</c:v>
                </c:pt>
                <c:pt idx="788">
                  <c:v>43557</c:v>
                </c:pt>
                <c:pt idx="789">
                  <c:v>43556</c:v>
                </c:pt>
                <c:pt idx="790">
                  <c:v>43553</c:v>
                </c:pt>
                <c:pt idx="791">
                  <c:v>43552</c:v>
                </c:pt>
                <c:pt idx="792">
                  <c:v>43551</c:v>
                </c:pt>
                <c:pt idx="793">
                  <c:v>43550</c:v>
                </c:pt>
                <c:pt idx="794">
                  <c:v>43549</c:v>
                </c:pt>
                <c:pt idx="795">
                  <c:v>43546</c:v>
                </c:pt>
                <c:pt idx="796">
                  <c:v>43545</c:v>
                </c:pt>
                <c:pt idx="797">
                  <c:v>43544</c:v>
                </c:pt>
                <c:pt idx="798">
                  <c:v>43543</c:v>
                </c:pt>
                <c:pt idx="799">
                  <c:v>43542</c:v>
                </c:pt>
                <c:pt idx="800">
                  <c:v>43539</c:v>
                </c:pt>
                <c:pt idx="801">
                  <c:v>43538</c:v>
                </c:pt>
                <c:pt idx="802">
                  <c:v>43537</c:v>
                </c:pt>
                <c:pt idx="803">
                  <c:v>43536</c:v>
                </c:pt>
                <c:pt idx="804">
                  <c:v>43535</c:v>
                </c:pt>
                <c:pt idx="805">
                  <c:v>43532</c:v>
                </c:pt>
                <c:pt idx="806">
                  <c:v>43531</c:v>
                </c:pt>
                <c:pt idx="807">
                  <c:v>43530</c:v>
                </c:pt>
                <c:pt idx="808">
                  <c:v>43529</c:v>
                </c:pt>
                <c:pt idx="809">
                  <c:v>43528</c:v>
                </c:pt>
                <c:pt idx="810">
                  <c:v>43525</c:v>
                </c:pt>
                <c:pt idx="811">
                  <c:v>43524</c:v>
                </c:pt>
                <c:pt idx="812">
                  <c:v>43523</c:v>
                </c:pt>
                <c:pt idx="813">
                  <c:v>43522</c:v>
                </c:pt>
                <c:pt idx="814">
                  <c:v>43521</c:v>
                </c:pt>
                <c:pt idx="815">
                  <c:v>43518</c:v>
                </c:pt>
                <c:pt idx="816">
                  <c:v>43517</c:v>
                </c:pt>
                <c:pt idx="817">
                  <c:v>43516</c:v>
                </c:pt>
                <c:pt idx="818">
                  <c:v>43515</c:v>
                </c:pt>
                <c:pt idx="819">
                  <c:v>43511</c:v>
                </c:pt>
                <c:pt idx="820">
                  <c:v>43510</c:v>
                </c:pt>
                <c:pt idx="821">
                  <c:v>43509</c:v>
                </c:pt>
                <c:pt idx="822">
                  <c:v>43508</c:v>
                </c:pt>
                <c:pt idx="823">
                  <c:v>43507</c:v>
                </c:pt>
                <c:pt idx="824">
                  <c:v>43504</c:v>
                </c:pt>
                <c:pt idx="825">
                  <c:v>43503</c:v>
                </c:pt>
                <c:pt idx="826">
                  <c:v>43502</c:v>
                </c:pt>
                <c:pt idx="827">
                  <c:v>43501</c:v>
                </c:pt>
                <c:pt idx="828">
                  <c:v>43500</c:v>
                </c:pt>
                <c:pt idx="829">
                  <c:v>43497</c:v>
                </c:pt>
                <c:pt idx="830">
                  <c:v>43496</c:v>
                </c:pt>
                <c:pt idx="831">
                  <c:v>43495</c:v>
                </c:pt>
                <c:pt idx="832">
                  <c:v>43494</c:v>
                </c:pt>
                <c:pt idx="833">
                  <c:v>43493</c:v>
                </c:pt>
                <c:pt idx="834">
                  <c:v>43490</c:v>
                </c:pt>
                <c:pt idx="835">
                  <c:v>43489</c:v>
                </c:pt>
                <c:pt idx="836">
                  <c:v>43488</c:v>
                </c:pt>
                <c:pt idx="837">
                  <c:v>43487</c:v>
                </c:pt>
                <c:pt idx="838">
                  <c:v>43483</c:v>
                </c:pt>
                <c:pt idx="839">
                  <c:v>43482</c:v>
                </c:pt>
                <c:pt idx="840">
                  <c:v>43481</c:v>
                </c:pt>
                <c:pt idx="841">
                  <c:v>43480</c:v>
                </c:pt>
                <c:pt idx="842">
                  <c:v>43479</c:v>
                </c:pt>
                <c:pt idx="843">
                  <c:v>43476</c:v>
                </c:pt>
                <c:pt idx="844">
                  <c:v>43475</c:v>
                </c:pt>
                <c:pt idx="845">
                  <c:v>43474</c:v>
                </c:pt>
                <c:pt idx="846">
                  <c:v>43473</c:v>
                </c:pt>
                <c:pt idx="847">
                  <c:v>43472</c:v>
                </c:pt>
                <c:pt idx="848">
                  <c:v>43469</c:v>
                </c:pt>
                <c:pt idx="849">
                  <c:v>43468</c:v>
                </c:pt>
                <c:pt idx="850">
                  <c:v>43467</c:v>
                </c:pt>
                <c:pt idx="851">
                  <c:v>43465</c:v>
                </c:pt>
                <c:pt idx="852">
                  <c:v>43462</c:v>
                </c:pt>
                <c:pt idx="853">
                  <c:v>43461</c:v>
                </c:pt>
                <c:pt idx="854">
                  <c:v>43460</c:v>
                </c:pt>
                <c:pt idx="855">
                  <c:v>43458</c:v>
                </c:pt>
                <c:pt idx="856">
                  <c:v>43455</c:v>
                </c:pt>
                <c:pt idx="857">
                  <c:v>43454</c:v>
                </c:pt>
                <c:pt idx="858">
                  <c:v>43453</c:v>
                </c:pt>
                <c:pt idx="859">
                  <c:v>43452</c:v>
                </c:pt>
                <c:pt idx="860">
                  <c:v>43451</c:v>
                </c:pt>
                <c:pt idx="861">
                  <c:v>43448</c:v>
                </c:pt>
                <c:pt idx="862">
                  <c:v>43447</c:v>
                </c:pt>
                <c:pt idx="863">
                  <c:v>43446</c:v>
                </c:pt>
                <c:pt idx="864">
                  <c:v>43445</c:v>
                </c:pt>
                <c:pt idx="865">
                  <c:v>43444</c:v>
                </c:pt>
                <c:pt idx="866">
                  <c:v>43441</c:v>
                </c:pt>
                <c:pt idx="867">
                  <c:v>43440</c:v>
                </c:pt>
                <c:pt idx="868">
                  <c:v>43439</c:v>
                </c:pt>
                <c:pt idx="869">
                  <c:v>43438</c:v>
                </c:pt>
                <c:pt idx="870">
                  <c:v>43437</c:v>
                </c:pt>
                <c:pt idx="871">
                  <c:v>43434</c:v>
                </c:pt>
                <c:pt idx="872">
                  <c:v>43433</c:v>
                </c:pt>
                <c:pt idx="873">
                  <c:v>43432</c:v>
                </c:pt>
                <c:pt idx="874">
                  <c:v>43431</c:v>
                </c:pt>
                <c:pt idx="875">
                  <c:v>43430</c:v>
                </c:pt>
                <c:pt idx="876">
                  <c:v>43427</c:v>
                </c:pt>
                <c:pt idx="877">
                  <c:v>43425</c:v>
                </c:pt>
                <c:pt idx="878">
                  <c:v>43424</c:v>
                </c:pt>
                <c:pt idx="879">
                  <c:v>43423</c:v>
                </c:pt>
                <c:pt idx="880">
                  <c:v>43420</c:v>
                </c:pt>
                <c:pt idx="881">
                  <c:v>43419</c:v>
                </c:pt>
                <c:pt idx="882">
                  <c:v>43418</c:v>
                </c:pt>
                <c:pt idx="883">
                  <c:v>43417</c:v>
                </c:pt>
                <c:pt idx="884">
                  <c:v>43413</c:v>
                </c:pt>
                <c:pt idx="885">
                  <c:v>43412</c:v>
                </c:pt>
                <c:pt idx="886">
                  <c:v>43411</c:v>
                </c:pt>
                <c:pt idx="887">
                  <c:v>43410</c:v>
                </c:pt>
                <c:pt idx="888">
                  <c:v>43409</c:v>
                </c:pt>
                <c:pt idx="889">
                  <c:v>43406</c:v>
                </c:pt>
                <c:pt idx="890">
                  <c:v>43405</c:v>
                </c:pt>
                <c:pt idx="891">
                  <c:v>43404</c:v>
                </c:pt>
                <c:pt idx="892">
                  <c:v>43403</c:v>
                </c:pt>
                <c:pt idx="893">
                  <c:v>43402</c:v>
                </c:pt>
                <c:pt idx="894">
                  <c:v>43399</c:v>
                </c:pt>
                <c:pt idx="895">
                  <c:v>43398</c:v>
                </c:pt>
                <c:pt idx="896">
                  <c:v>43397</c:v>
                </c:pt>
                <c:pt idx="897">
                  <c:v>43396</c:v>
                </c:pt>
                <c:pt idx="898">
                  <c:v>43395</c:v>
                </c:pt>
                <c:pt idx="899">
                  <c:v>43392</c:v>
                </c:pt>
                <c:pt idx="900">
                  <c:v>43391</c:v>
                </c:pt>
                <c:pt idx="901">
                  <c:v>43390</c:v>
                </c:pt>
                <c:pt idx="902">
                  <c:v>43389</c:v>
                </c:pt>
                <c:pt idx="903">
                  <c:v>43388</c:v>
                </c:pt>
                <c:pt idx="904">
                  <c:v>43385</c:v>
                </c:pt>
                <c:pt idx="905">
                  <c:v>43384</c:v>
                </c:pt>
                <c:pt idx="906">
                  <c:v>43383</c:v>
                </c:pt>
                <c:pt idx="907">
                  <c:v>43382</c:v>
                </c:pt>
                <c:pt idx="908">
                  <c:v>43378</c:v>
                </c:pt>
                <c:pt idx="909">
                  <c:v>43377</c:v>
                </c:pt>
                <c:pt idx="910">
                  <c:v>43376</c:v>
                </c:pt>
                <c:pt idx="911">
                  <c:v>43375</c:v>
                </c:pt>
                <c:pt idx="912">
                  <c:v>43374</c:v>
                </c:pt>
                <c:pt idx="913">
                  <c:v>43371</c:v>
                </c:pt>
                <c:pt idx="914">
                  <c:v>43370</c:v>
                </c:pt>
                <c:pt idx="915">
                  <c:v>43369</c:v>
                </c:pt>
                <c:pt idx="916">
                  <c:v>43368</c:v>
                </c:pt>
                <c:pt idx="917">
                  <c:v>43367</c:v>
                </c:pt>
                <c:pt idx="918">
                  <c:v>43364</c:v>
                </c:pt>
                <c:pt idx="919">
                  <c:v>43363</c:v>
                </c:pt>
                <c:pt idx="920">
                  <c:v>43362</c:v>
                </c:pt>
                <c:pt idx="921">
                  <c:v>43361</c:v>
                </c:pt>
                <c:pt idx="922">
                  <c:v>43360</c:v>
                </c:pt>
                <c:pt idx="923">
                  <c:v>43357</c:v>
                </c:pt>
                <c:pt idx="924">
                  <c:v>43356</c:v>
                </c:pt>
                <c:pt idx="925">
                  <c:v>43355</c:v>
                </c:pt>
                <c:pt idx="926">
                  <c:v>43354</c:v>
                </c:pt>
                <c:pt idx="927">
                  <c:v>43353</c:v>
                </c:pt>
                <c:pt idx="928">
                  <c:v>43350</c:v>
                </c:pt>
                <c:pt idx="929">
                  <c:v>43349</c:v>
                </c:pt>
                <c:pt idx="930">
                  <c:v>43348</c:v>
                </c:pt>
                <c:pt idx="931">
                  <c:v>43347</c:v>
                </c:pt>
                <c:pt idx="932">
                  <c:v>43343</c:v>
                </c:pt>
                <c:pt idx="933">
                  <c:v>43342</c:v>
                </c:pt>
                <c:pt idx="934">
                  <c:v>43341</c:v>
                </c:pt>
                <c:pt idx="935">
                  <c:v>43340</c:v>
                </c:pt>
                <c:pt idx="936">
                  <c:v>43339</c:v>
                </c:pt>
                <c:pt idx="937">
                  <c:v>43336</c:v>
                </c:pt>
                <c:pt idx="938">
                  <c:v>43335</c:v>
                </c:pt>
                <c:pt idx="939">
                  <c:v>43334</c:v>
                </c:pt>
                <c:pt idx="940">
                  <c:v>43333</c:v>
                </c:pt>
                <c:pt idx="941">
                  <c:v>43332</c:v>
                </c:pt>
                <c:pt idx="942">
                  <c:v>43329</c:v>
                </c:pt>
                <c:pt idx="943">
                  <c:v>43328</c:v>
                </c:pt>
                <c:pt idx="944">
                  <c:v>43327</c:v>
                </c:pt>
                <c:pt idx="945">
                  <c:v>43326</c:v>
                </c:pt>
                <c:pt idx="946">
                  <c:v>43325</c:v>
                </c:pt>
                <c:pt idx="947">
                  <c:v>43322</c:v>
                </c:pt>
                <c:pt idx="948">
                  <c:v>43321</c:v>
                </c:pt>
                <c:pt idx="949">
                  <c:v>43320</c:v>
                </c:pt>
                <c:pt idx="950">
                  <c:v>43319</c:v>
                </c:pt>
                <c:pt idx="951">
                  <c:v>43318</c:v>
                </c:pt>
                <c:pt idx="952">
                  <c:v>43315</c:v>
                </c:pt>
                <c:pt idx="953">
                  <c:v>43314</c:v>
                </c:pt>
                <c:pt idx="954">
                  <c:v>43313</c:v>
                </c:pt>
                <c:pt idx="955">
                  <c:v>43312</c:v>
                </c:pt>
                <c:pt idx="956">
                  <c:v>43311</c:v>
                </c:pt>
                <c:pt idx="957">
                  <c:v>43308</c:v>
                </c:pt>
                <c:pt idx="958">
                  <c:v>43307</c:v>
                </c:pt>
                <c:pt idx="959">
                  <c:v>43306</c:v>
                </c:pt>
                <c:pt idx="960">
                  <c:v>43305</c:v>
                </c:pt>
                <c:pt idx="961">
                  <c:v>43304</c:v>
                </c:pt>
                <c:pt idx="962">
                  <c:v>43301</c:v>
                </c:pt>
                <c:pt idx="963">
                  <c:v>43300</c:v>
                </c:pt>
                <c:pt idx="964">
                  <c:v>43299</c:v>
                </c:pt>
                <c:pt idx="965">
                  <c:v>43298</c:v>
                </c:pt>
                <c:pt idx="966">
                  <c:v>43297</c:v>
                </c:pt>
                <c:pt idx="967">
                  <c:v>43294</c:v>
                </c:pt>
                <c:pt idx="968">
                  <c:v>43293</c:v>
                </c:pt>
                <c:pt idx="969">
                  <c:v>43292</c:v>
                </c:pt>
                <c:pt idx="970">
                  <c:v>43291</c:v>
                </c:pt>
                <c:pt idx="971">
                  <c:v>43290</c:v>
                </c:pt>
                <c:pt idx="972">
                  <c:v>43287</c:v>
                </c:pt>
                <c:pt idx="973">
                  <c:v>43286</c:v>
                </c:pt>
                <c:pt idx="974">
                  <c:v>43284</c:v>
                </c:pt>
                <c:pt idx="975">
                  <c:v>43283</c:v>
                </c:pt>
                <c:pt idx="976">
                  <c:v>43280</c:v>
                </c:pt>
                <c:pt idx="977">
                  <c:v>43279</c:v>
                </c:pt>
                <c:pt idx="978">
                  <c:v>43278</c:v>
                </c:pt>
                <c:pt idx="979">
                  <c:v>43277</c:v>
                </c:pt>
                <c:pt idx="980">
                  <c:v>43276</c:v>
                </c:pt>
                <c:pt idx="981">
                  <c:v>43273</c:v>
                </c:pt>
                <c:pt idx="982">
                  <c:v>43272</c:v>
                </c:pt>
                <c:pt idx="983">
                  <c:v>43271</c:v>
                </c:pt>
                <c:pt idx="984">
                  <c:v>43270</c:v>
                </c:pt>
                <c:pt idx="985">
                  <c:v>43269</c:v>
                </c:pt>
                <c:pt idx="986">
                  <c:v>43266</c:v>
                </c:pt>
                <c:pt idx="987">
                  <c:v>43265</c:v>
                </c:pt>
                <c:pt idx="988">
                  <c:v>43264</c:v>
                </c:pt>
                <c:pt idx="989">
                  <c:v>43263</c:v>
                </c:pt>
                <c:pt idx="990">
                  <c:v>43262</c:v>
                </c:pt>
                <c:pt idx="991">
                  <c:v>43259</c:v>
                </c:pt>
                <c:pt idx="992">
                  <c:v>43258</c:v>
                </c:pt>
                <c:pt idx="993">
                  <c:v>43257</c:v>
                </c:pt>
                <c:pt idx="994">
                  <c:v>43256</c:v>
                </c:pt>
                <c:pt idx="995">
                  <c:v>43255</c:v>
                </c:pt>
                <c:pt idx="996">
                  <c:v>43252</c:v>
                </c:pt>
                <c:pt idx="997">
                  <c:v>43251</c:v>
                </c:pt>
                <c:pt idx="998">
                  <c:v>43250</c:v>
                </c:pt>
                <c:pt idx="999">
                  <c:v>43249</c:v>
                </c:pt>
                <c:pt idx="1000">
                  <c:v>43245</c:v>
                </c:pt>
                <c:pt idx="1001">
                  <c:v>43244</c:v>
                </c:pt>
                <c:pt idx="1002">
                  <c:v>43243</c:v>
                </c:pt>
                <c:pt idx="1003">
                  <c:v>43242</c:v>
                </c:pt>
                <c:pt idx="1004">
                  <c:v>43241</c:v>
                </c:pt>
                <c:pt idx="1005">
                  <c:v>43238</c:v>
                </c:pt>
                <c:pt idx="1006">
                  <c:v>43237</c:v>
                </c:pt>
                <c:pt idx="1007">
                  <c:v>43236</c:v>
                </c:pt>
                <c:pt idx="1008">
                  <c:v>43235</c:v>
                </c:pt>
                <c:pt idx="1009">
                  <c:v>43234</c:v>
                </c:pt>
                <c:pt idx="1010">
                  <c:v>43231</c:v>
                </c:pt>
                <c:pt idx="1011">
                  <c:v>43230</c:v>
                </c:pt>
                <c:pt idx="1012">
                  <c:v>43229</c:v>
                </c:pt>
                <c:pt idx="1013">
                  <c:v>43228</c:v>
                </c:pt>
                <c:pt idx="1014">
                  <c:v>43227</c:v>
                </c:pt>
                <c:pt idx="1015">
                  <c:v>43224</c:v>
                </c:pt>
                <c:pt idx="1016">
                  <c:v>43223</c:v>
                </c:pt>
                <c:pt idx="1017">
                  <c:v>43222</c:v>
                </c:pt>
                <c:pt idx="1018">
                  <c:v>43221</c:v>
                </c:pt>
                <c:pt idx="1019">
                  <c:v>43220</c:v>
                </c:pt>
                <c:pt idx="1020">
                  <c:v>43217</c:v>
                </c:pt>
                <c:pt idx="1021">
                  <c:v>43216</c:v>
                </c:pt>
                <c:pt idx="1022">
                  <c:v>43215</c:v>
                </c:pt>
                <c:pt idx="1023">
                  <c:v>43214</c:v>
                </c:pt>
                <c:pt idx="1024">
                  <c:v>43213</c:v>
                </c:pt>
                <c:pt idx="1025">
                  <c:v>43210</c:v>
                </c:pt>
                <c:pt idx="1026">
                  <c:v>43209</c:v>
                </c:pt>
                <c:pt idx="1027">
                  <c:v>43208</c:v>
                </c:pt>
                <c:pt idx="1028">
                  <c:v>43207</c:v>
                </c:pt>
                <c:pt idx="1029">
                  <c:v>43206</c:v>
                </c:pt>
                <c:pt idx="1030">
                  <c:v>43203</c:v>
                </c:pt>
                <c:pt idx="1031">
                  <c:v>43202</c:v>
                </c:pt>
                <c:pt idx="1032">
                  <c:v>43201</c:v>
                </c:pt>
                <c:pt idx="1033">
                  <c:v>43200</c:v>
                </c:pt>
                <c:pt idx="1034">
                  <c:v>43199</c:v>
                </c:pt>
                <c:pt idx="1035">
                  <c:v>43196</c:v>
                </c:pt>
                <c:pt idx="1036">
                  <c:v>43195</c:v>
                </c:pt>
                <c:pt idx="1037">
                  <c:v>43194</c:v>
                </c:pt>
                <c:pt idx="1038">
                  <c:v>43193</c:v>
                </c:pt>
                <c:pt idx="1039">
                  <c:v>43192</c:v>
                </c:pt>
                <c:pt idx="1040">
                  <c:v>43188</c:v>
                </c:pt>
                <c:pt idx="1041">
                  <c:v>43187</c:v>
                </c:pt>
                <c:pt idx="1042">
                  <c:v>43186</c:v>
                </c:pt>
                <c:pt idx="1043">
                  <c:v>43185</c:v>
                </c:pt>
                <c:pt idx="1044">
                  <c:v>43182</c:v>
                </c:pt>
                <c:pt idx="1045">
                  <c:v>43181</c:v>
                </c:pt>
                <c:pt idx="1046">
                  <c:v>43180</c:v>
                </c:pt>
                <c:pt idx="1047">
                  <c:v>43179</c:v>
                </c:pt>
                <c:pt idx="1048">
                  <c:v>43178</c:v>
                </c:pt>
                <c:pt idx="1049">
                  <c:v>43175</c:v>
                </c:pt>
                <c:pt idx="1050">
                  <c:v>43174</c:v>
                </c:pt>
                <c:pt idx="1051">
                  <c:v>43173</c:v>
                </c:pt>
                <c:pt idx="1052">
                  <c:v>43172</c:v>
                </c:pt>
                <c:pt idx="1053">
                  <c:v>43171</c:v>
                </c:pt>
                <c:pt idx="1054">
                  <c:v>43168</c:v>
                </c:pt>
                <c:pt idx="1055">
                  <c:v>43167</c:v>
                </c:pt>
                <c:pt idx="1056">
                  <c:v>43166</c:v>
                </c:pt>
                <c:pt idx="1057">
                  <c:v>43165</c:v>
                </c:pt>
                <c:pt idx="1058">
                  <c:v>43164</c:v>
                </c:pt>
                <c:pt idx="1059">
                  <c:v>43161</c:v>
                </c:pt>
                <c:pt idx="1060">
                  <c:v>43160</c:v>
                </c:pt>
                <c:pt idx="1061">
                  <c:v>43159</c:v>
                </c:pt>
                <c:pt idx="1062">
                  <c:v>43158</c:v>
                </c:pt>
                <c:pt idx="1063">
                  <c:v>43157</c:v>
                </c:pt>
                <c:pt idx="1064">
                  <c:v>43154</c:v>
                </c:pt>
                <c:pt idx="1065">
                  <c:v>43153</c:v>
                </c:pt>
                <c:pt idx="1066">
                  <c:v>43152</c:v>
                </c:pt>
                <c:pt idx="1067">
                  <c:v>43151</c:v>
                </c:pt>
                <c:pt idx="1068">
                  <c:v>43147</c:v>
                </c:pt>
                <c:pt idx="1069">
                  <c:v>43146</c:v>
                </c:pt>
                <c:pt idx="1070">
                  <c:v>43145</c:v>
                </c:pt>
                <c:pt idx="1071">
                  <c:v>43144</c:v>
                </c:pt>
                <c:pt idx="1072">
                  <c:v>43143</c:v>
                </c:pt>
                <c:pt idx="1073">
                  <c:v>43140</c:v>
                </c:pt>
                <c:pt idx="1074">
                  <c:v>43139</c:v>
                </c:pt>
                <c:pt idx="1075">
                  <c:v>43138</c:v>
                </c:pt>
                <c:pt idx="1076">
                  <c:v>43137</c:v>
                </c:pt>
                <c:pt idx="1077">
                  <c:v>43136</c:v>
                </c:pt>
                <c:pt idx="1078">
                  <c:v>43133</c:v>
                </c:pt>
                <c:pt idx="1079">
                  <c:v>43132</c:v>
                </c:pt>
                <c:pt idx="1080">
                  <c:v>43131</c:v>
                </c:pt>
                <c:pt idx="1081">
                  <c:v>43130</c:v>
                </c:pt>
                <c:pt idx="1082">
                  <c:v>43129</c:v>
                </c:pt>
                <c:pt idx="1083">
                  <c:v>43126</c:v>
                </c:pt>
                <c:pt idx="1084">
                  <c:v>43125</c:v>
                </c:pt>
                <c:pt idx="1085">
                  <c:v>43124</c:v>
                </c:pt>
                <c:pt idx="1086">
                  <c:v>43123</c:v>
                </c:pt>
                <c:pt idx="1087">
                  <c:v>43122</c:v>
                </c:pt>
                <c:pt idx="1088">
                  <c:v>43119</c:v>
                </c:pt>
                <c:pt idx="1089">
                  <c:v>43118</c:v>
                </c:pt>
                <c:pt idx="1090">
                  <c:v>43117</c:v>
                </c:pt>
                <c:pt idx="1091">
                  <c:v>43116</c:v>
                </c:pt>
                <c:pt idx="1092">
                  <c:v>43112</c:v>
                </c:pt>
                <c:pt idx="1093">
                  <c:v>43111</c:v>
                </c:pt>
                <c:pt idx="1094">
                  <c:v>43110</c:v>
                </c:pt>
                <c:pt idx="1095">
                  <c:v>43109</c:v>
                </c:pt>
                <c:pt idx="1096">
                  <c:v>43108</c:v>
                </c:pt>
                <c:pt idx="1097">
                  <c:v>43105</c:v>
                </c:pt>
                <c:pt idx="1098">
                  <c:v>43104</c:v>
                </c:pt>
                <c:pt idx="1099">
                  <c:v>43103</c:v>
                </c:pt>
                <c:pt idx="1100">
                  <c:v>43102</c:v>
                </c:pt>
                <c:pt idx="1101">
                  <c:v>43098</c:v>
                </c:pt>
                <c:pt idx="1102">
                  <c:v>43097</c:v>
                </c:pt>
                <c:pt idx="1103">
                  <c:v>43096</c:v>
                </c:pt>
                <c:pt idx="1104">
                  <c:v>43095</c:v>
                </c:pt>
                <c:pt idx="1105">
                  <c:v>43091</c:v>
                </c:pt>
                <c:pt idx="1106">
                  <c:v>43090</c:v>
                </c:pt>
                <c:pt idx="1107">
                  <c:v>43089</c:v>
                </c:pt>
                <c:pt idx="1108">
                  <c:v>43088</c:v>
                </c:pt>
                <c:pt idx="1109">
                  <c:v>43087</c:v>
                </c:pt>
                <c:pt idx="1110">
                  <c:v>43084</c:v>
                </c:pt>
                <c:pt idx="1111">
                  <c:v>43083</c:v>
                </c:pt>
                <c:pt idx="1112">
                  <c:v>43082</c:v>
                </c:pt>
                <c:pt idx="1113">
                  <c:v>43081</c:v>
                </c:pt>
                <c:pt idx="1114">
                  <c:v>43080</c:v>
                </c:pt>
                <c:pt idx="1115">
                  <c:v>43077</c:v>
                </c:pt>
                <c:pt idx="1116">
                  <c:v>43076</c:v>
                </c:pt>
                <c:pt idx="1117">
                  <c:v>43075</c:v>
                </c:pt>
                <c:pt idx="1118">
                  <c:v>43074</c:v>
                </c:pt>
                <c:pt idx="1119">
                  <c:v>43073</c:v>
                </c:pt>
                <c:pt idx="1120">
                  <c:v>43070</c:v>
                </c:pt>
                <c:pt idx="1121">
                  <c:v>43069</c:v>
                </c:pt>
                <c:pt idx="1122">
                  <c:v>43068</c:v>
                </c:pt>
                <c:pt idx="1123">
                  <c:v>43067</c:v>
                </c:pt>
                <c:pt idx="1124">
                  <c:v>43066</c:v>
                </c:pt>
                <c:pt idx="1125">
                  <c:v>43063</c:v>
                </c:pt>
                <c:pt idx="1126">
                  <c:v>43061</c:v>
                </c:pt>
                <c:pt idx="1127">
                  <c:v>43060</c:v>
                </c:pt>
                <c:pt idx="1128">
                  <c:v>43059</c:v>
                </c:pt>
                <c:pt idx="1129">
                  <c:v>43056</c:v>
                </c:pt>
                <c:pt idx="1130">
                  <c:v>43055</c:v>
                </c:pt>
                <c:pt idx="1131">
                  <c:v>43054</c:v>
                </c:pt>
                <c:pt idx="1132">
                  <c:v>43053</c:v>
                </c:pt>
                <c:pt idx="1133">
                  <c:v>43052</c:v>
                </c:pt>
                <c:pt idx="1134">
                  <c:v>43049</c:v>
                </c:pt>
                <c:pt idx="1135">
                  <c:v>43048</c:v>
                </c:pt>
                <c:pt idx="1136">
                  <c:v>43047</c:v>
                </c:pt>
                <c:pt idx="1137">
                  <c:v>43046</c:v>
                </c:pt>
                <c:pt idx="1138">
                  <c:v>43045</c:v>
                </c:pt>
                <c:pt idx="1139">
                  <c:v>43042</c:v>
                </c:pt>
                <c:pt idx="1140">
                  <c:v>43041</c:v>
                </c:pt>
                <c:pt idx="1141">
                  <c:v>43040</c:v>
                </c:pt>
                <c:pt idx="1142">
                  <c:v>43039</c:v>
                </c:pt>
                <c:pt idx="1143">
                  <c:v>43038</c:v>
                </c:pt>
                <c:pt idx="1144">
                  <c:v>43035</c:v>
                </c:pt>
                <c:pt idx="1145">
                  <c:v>43034</c:v>
                </c:pt>
                <c:pt idx="1146">
                  <c:v>43033</c:v>
                </c:pt>
                <c:pt idx="1147">
                  <c:v>43032</c:v>
                </c:pt>
                <c:pt idx="1148">
                  <c:v>43031</c:v>
                </c:pt>
                <c:pt idx="1149">
                  <c:v>43028</c:v>
                </c:pt>
                <c:pt idx="1150">
                  <c:v>43027</c:v>
                </c:pt>
                <c:pt idx="1151">
                  <c:v>43026</c:v>
                </c:pt>
                <c:pt idx="1152">
                  <c:v>43025</c:v>
                </c:pt>
                <c:pt idx="1153">
                  <c:v>43024</c:v>
                </c:pt>
                <c:pt idx="1154">
                  <c:v>43021</c:v>
                </c:pt>
                <c:pt idx="1155">
                  <c:v>43020</c:v>
                </c:pt>
                <c:pt idx="1156">
                  <c:v>43019</c:v>
                </c:pt>
                <c:pt idx="1157">
                  <c:v>43018</c:v>
                </c:pt>
                <c:pt idx="1158">
                  <c:v>43014</c:v>
                </c:pt>
                <c:pt idx="1159">
                  <c:v>43013</c:v>
                </c:pt>
                <c:pt idx="1160">
                  <c:v>43012</c:v>
                </c:pt>
                <c:pt idx="1161">
                  <c:v>43011</c:v>
                </c:pt>
                <c:pt idx="1162">
                  <c:v>43010</c:v>
                </c:pt>
                <c:pt idx="1163">
                  <c:v>43007</c:v>
                </c:pt>
                <c:pt idx="1164">
                  <c:v>43006</c:v>
                </c:pt>
                <c:pt idx="1165">
                  <c:v>43005</c:v>
                </c:pt>
                <c:pt idx="1166">
                  <c:v>43004</c:v>
                </c:pt>
                <c:pt idx="1167">
                  <c:v>43003</c:v>
                </c:pt>
                <c:pt idx="1168">
                  <c:v>43000</c:v>
                </c:pt>
                <c:pt idx="1169">
                  <c:v>42999</c:v>
                </c:pt>
                <c:pt idx="1170">
                  <c:v>42998</c:v>
                </c:pt>
                <c:pt idx="1171">
                  <c:v>42997</c:v>
                </c:pt>
                <c:pt idx="1172">
                  <c:v>42996</c:v>
                </c:pt>
                <c:pt idx="1173">
                  <c:v>42993</c:v>
                </c:pt>
                <c:pt idx="1174">
                  <c:v>42992</c:v>
                </c:pt>
                <c:pt idx="1175">
                  <c:v>42991</c:v>
                </c:pt>
                <c:pt idx="1176">
                  <c:v>42990</c:v>
                </c:pt>
                <c:pt idx="1177">
                  <c:v>42989</c:v>
                </c:pt>
                <c:pt idx="1178">
                  <c:v>42986</c:v>
                </c:pt>
                <c:pt idx="1179">
                  <c:v>42985</c:v>
                </c:pt>
                <c:pt idx="1180">
                  <c:v>42984</c:v>
                </c:pt>
                <c:pt idx="1181">
                  <c:v>42983</c:v>
                </c:pt>
                <c:pt idx="1182">
                  <c:v>42979</c:v>
                </c:pt>
                <c:pt idx="1183">
                  <c:v>42978</c:v>
                </c:pt>
                <c:pt idx="1184">
                  <c:v>42977</c:v>
                </c:pt>
                <c:pt idx="1185">
                  <c:v>42976</c:v>
                </c:pt>
                <c:pt idx="1186">
                  <c:v>42975</c:v>
                </c:pt>
                <c:pt idx="1187">
                  <c:v>42972</c:v>
                </c:pt>
                <c:pt idx="1188">
                  <c:v>42971</c:v>
                </c:pt>
                <c:pt idx="1189">
                  <c:v>42970</c:v>
                </c:pt>
                <c:pt idx="1190">
                  <c:v>42969</c:v>
                </c:pt>
                <c:pt idx="1191">
                  <c:v>42968</c:v>
                </c:pt>
                <c:pt idx="1192">
                  <c:v>42965</c:v>
                </c:pt>
                <c:pt idx="1193">
                  <c:v>42964</c:v>
                </c:pt>
                <c:pt idx="1194">
                  <c:v>42963</c:v>
                </c:pt>
                <c:pt idx="1195">
                  <c:v>42962</c:v>
                </c:pt>
                <c:pt idx="1196">
                  <c:v>42961</c:v>
                </c:pt>
                <c:pt idx="1197">
                  <c:v>42958</c:v>
                </c:pt>
                <c:pt idx="1198">
                  <c:v>42957</c:v>
                </c:pt>
                <c:pt idx="1199">
                  <c:v>42956</c:v>
                </c:pt>
                <c:pt idx="1200">
                  <c:v>42955</c:v>
                </c:pt>
                <c:pt idx="1201">
                  <c:v>42954</c:v>
                </c:pt>
                <c:pt idx="1202">
                  <c:v>42951</c:v>
                </c:pt>
                <c:pt idx="1203">
                  <c:v>42950</c:v>
                </c:pt>
                <c:pt idx="1204">
                  <c:v>42949</c:v>
                </c:pt>
                <c:pt idx="1205">
                  <c:v>42948</c:v>
                </c:pt>
                <c:pt idx="1206">
                  <c:v>42947</c:v>
                </c:pt>
                <c:pt idx="1207">
                  <c:v>42944</c:v>
                </c:pt>
                <c:pt idx="1208">
                  <c:v>42943</c:v>
                </c:pt>
                <c:pt idx="1209">
                  <c:v>42942</c:v>
                </c:pt>
                <c:pt idx="1210">
                  <c:v>42941</c:v>
                </c:pt>
                <c:pt idx="1211">
                  <c:v>42940</c:v>
                </c:pt>
                <c:pt idx="1212">
                  <c:v>42937</c:v>
                </c:pt>
                <c:pt idx="1213">
                  <c:v>42936</c:v>
                </c:pt>
                <c:pt idx="1214">
                  <c:v>42935</c:v>
                </c:pt>
                <c:pt idx="1215">
                  <c:v>42934</c:v>
                </c:pt>
                <c:pt idx="1216">
                  <c:v>42933</c:v>
                </c:pt>
                <c:pt idx="1217">
                  <c:v>42930</c:v>
                </c:pt>
                <c:pt idx="1218">
                  <c:v>42929</c:v>
                </c:pt>
                <c:pt idx="1219">
                  <c:v>42928</c:v>
                </c:pt>
                <c:pt idx="1220">
                  <c:v>42927</c:v>
                </c:pt>
                <c:pt idx="1221">
                  <c:v>42926</c:v>
                </c:pt>
                <c:pt idx="1222">
                  <c:v>42923</c:v>
                </c:pt>
                <c:pt idx="1223">
                  <c:v>42922</c:v>
                </c:pt>
                <c:pt idx="1224">
                  <c:v>42921</c:v>
                </c:pt>
                <c:pt idx="1225">
                  <c:v>42919</c:v>
                </c:pt>
                <c:pt idx="1226">
                  <c:v>42916</c:v>
                </c:pt>
                <c:pt idx="1227">
                  <c:v>42915</c:v>
                </c:pt>
                <c:pt idx="1228">
                  <c:v>42914</c:v>
                </c:pt>
                <c:pt idx="1229">
                  <c:v>42913</c:v>
                </c:pt>
                <c:pt idx="1230">
                  <c:v>42912</c:v>
                </c:pt>
                <c:pt idx="1231">
                  <c:v>42909</c:v>
                </c:pt>
                <c:pt idx="1232">
                  <c:v>42908</c:v>
                </c:pt>
                <c:pt idx="1233">
                  <c:v>42907</c:v>
                </c:pt>
                <c:pt idx="1234">
                  <c:v>42906</c:v>
                </c:pt>
                <c:pt idx="1235">
                  <c:v>42905</c:v>
                </c:pt>
                <c:pt idx="1236">
                  <c:v>42902</c:v>
                </c:pt>
                <c:pt idx="1237">
                  <c:v>42901</c:v>
                </c:pt>
                <c:pt idx="1238">
                  <c:v>42900</c:v>
                </c:pt>
                <c:pt idx="1239">
                  <c:v>42899</c:v>
                </c:pt>
                <c:pt idx="1240">
                  <c:v>42898</c:v>
                </c:pt>
                <c:pt idx="1241">
                  <c:v>42895</c:v>
                </c:pt>
                <c:pt idx="1242">
                  <c:v>42894</c:v>
                </c:pt>
                <c:pt idx="1243">
                  <c:v>42893</c:v>
                </c:pt>
                <c:pt idx="1244">
                  <c:v>42892</c:v>
                </c:pt>
                <c:pt idx="1245">
                  <c:v>42891</c:v>
                </c:pt>
                <c:pt idx="1246">
                  <c:v>42888</c:v>
                </c:pt>
                <c:pt idx="1247">
                  <c:v>42887</c:v>
                </c:pt>
                <c:pt idx="1248">
                  <c:v>42886</c:v>
                </c:pt>
                <c:pt idx="1249">
                  <c:v>42885</c:v>
                </c:pt>
                <c:pt idx="1250">
                  <c:v>42881</c:v>
                </c:pt>
                <c:pt idx="1251">
                  <c:v>42880</c:v>
                </c:pt>
                <c:pt idx="1252">
                  <c:v>42879</c:v>
                </c:pt>
                <c:pt idx="1253">
                  <c:v>42878</c:v>
                </c:pt>
                <c:pt idx="1254">
                  <c:v>42877</c:v>
                </c:pt>
                <c:pt idx="1255">
                  <c:v>42874</c:v>
                </c:pt>
                <c:pt idx="1256">
                  <c:v>42873</c:v>
                </c:pt>
                <c:pt idx="1257">
                  <c:v>42872</c:v>
                </c:pt>
                <c:pt idx="1258">
                  <c:v>42871</c:v>
                </c:pt>
                <c:pt idx="1259">
                  <c:v>42870</c:v>
                </c:pt>
                <c:pt idx="1260">
                  <c:v>42867</c:v>
                </c:pt>
                <c:pt idx="1261">
                  <c:v>42866</c:v>
                </c:pt>
                <c:pt idx="1262">
                  <c:v>42865</c:v>
                </c:pt>
                <c:pt idx="1263">
                  <c:v>42864</c:v>
                </c:pt>
                <c:pt idx="1264">
                  <c:v>42863</c:v>
                </c:pt>
              </c:numCache>
            </c:numRef>
          </c:xVal>
          <c:yVal>
            <c:numRef>
              <c:f>Sheet1!$AN$32:$AN$2814</c:f>
              <c:numCache>
                <c:formatCode>0.000%</c:formatCode>
                <c:ptCount val="2783"/>
                <c:pt idx="0">
                  <c:v>3.0828626489475201E-2</c:v>
                </c:pt>
                <c:pt idx="1">
                  <c:v>3.0865813276748005E-2</c:v>
                </c:pt>
                <c:pt idx="2">
                  <c:v>3.08904153538095E-2</c:v>
                </c:pt>
                <c:pt idx="3">
                  <c:v>3.0911566052561703E-2</c:v>
                </c:pt>
                <c:pt idx="4">
                  <c:v>3.0913604079922205E-2</c:v>
                </c:pt>
                <c:pt idx="5">
                  <c:v>3.0912036103672002E-2</c:v>
                </c:pt>
                <c:pt idx="6">
                  <c:v>3.08973284884159E-2</c:v>
                </c:pt>
                <c:pt idx="7">
                  <c:v>3.0860287292260802E-2</c:v>
                </c:pt>
                <c:pt idx="8">
                  <c:v>3.0807124569598204E-2</c:v>
                </c:pt>
                <c:pt idx="9">
                  <c:v>3.0736439886808901E-2</c:v>
                </c:pt>
                <c:pt idx="10">
                  <c:v>3.0627589473502401E-2</c:v>
                </c:pt>
                <c:pt idx="11">
                  <c:v>3.0498470235799102E-2</c:v>
                </c:pt>
                <c:pt idx="12">
                  <c:v>3.03230966598616E-2</c:v>
                </c:pt>
                <c:pt idx="13">
                  <c:v>3.1059999999999997E-2</c:v>
                </c:pt>
              </c:numCache>
            </c:numRef>
          </c:yVal>
          <c:smooth val="0"/>
          <c:extLst>
            <c:ext xmlns:c16="http://schemas.microsoft.com/office/drawing/2014/chart" uri="{C3380CC4-5D6E-409C-BE32-E72D297353CC}">
              <c16:uniqueId val="{00000001-8FAE-4892-8654-F5C6701D7F12}"/>
            </c:ext>
          </c:extLst>
        </c:ser>
        <c:ser>
          <c:idx val="2"/>
          <c:order val="2"/>
          <c:tx>
            <c:strRef>
              <c:f>Sheet1!$AO$31</c:f>
              <c:strCache>
                <c:ptCount val="1"/>
                <c:pt idx="0">
                  <c:v>+50 bps</c:v>
                </c:pt>
              </c:strCache>
            </c:strRef>
          </c:tx>
          <c:spPr>
            <a:ln w="19050" cap="rnd">
              <a:solidFill>
                <a:srgbClr val="8D0E57"/>
              </a:solidFill>
              <a:prstDash val="sysDash"/>
              <a:round/>
            </a:ln>
            <a:effectLst/>
          </c:spPr>
          <c:marker>
            <c:symbol val="none"/>
          </c:marker>
          <c:xVal>
            <c:numRef>
              <c:f>Sheet1!$AL$32:$AL$2814</c:f>
              <c:numCache>
                <c:formatCode>m/d/yyyy</c:formatCode>
                <c:ptCount val="2783"/>
                <c:pt idx="0">
                  <c:v>45107</c:v>
                </c:pt>
                <c:pt idx="1">
                  <c:v>45077</c:v>
                </c:pt>
                <c:pt idx="2">
                  <c:v>45046</c:v>
                </c:pt>
                <c:pt idx="3">
                  <c:v>45016</c:v>
                </c:pt>
                <c:pt idx="4">
                  <c:v>44985</c:v>
                </c:pt>
                <c:pt idx="5">
                  <c:v>44957</c:v>
                </c:pt>
                <c:pt idx="6">
                  <c:v>44926</c:v>
                </c:pt>
                <c:pt idx="7">
                  <c:v>44895</c:v>
                </c:pt>
                <c:pt idx="8">
                  <c:v>44865</c:v>
                </c:pt>
                <c:pt idx="9">
                  <c:v>44834</c:v>
                </c:pt>
                <c:pt idx="10">
                  <c:v>44804</c:v>
                </c:pt>
                <c:pt idx="11">
                  <c:v>44773</c:v>
                </c:pt>
                <c:pt idx="12">
                  <c:v>44742</c:v>
                </c:pt>
                <c:pt idx="13">
                  <c:v>44687</c:v>
                </c:pt>
                <c:pt idx="14">
                  <c:v>44686</c:v>
                </c:pt>
                <c:pt idx="15">
                  <c:v>44685</c:v>
                </c:pt>
                <c:pt idx="16">
                  <c:v>44684</c:v>
                </c:pt>
                <c:pt idx="17">
                  <c:v>44683</c:v>
                </c:pt>
                <c:pt idx="18">
                  <c:v>44680</c:v>
                </c:pt>
                <c:pt idx="19">
                  <c:v>44679</c:v>
                </c:pt>
                <c:pt idx="20">
                  <c:v>44678</c:v>
                </c:pt>
                <c:pt idx="21">
                  <c:v>44677</c:v>
                </c:pt>
                <c:pt idx="22">
                  <c:v>44676</c:v>
                </c:pt>
                <c:pt idx="23">
                  <c:v>44673</c:v>
                </c:pt>
                <c:pt idx="24">
                  <c:v>44672</c:v>
                </c:pt>
                <c:pt idx="25">
                  <c:v>44671</c:v>
                </c:pt>
                <c:pt idx="26">
                  <c:v>44670</c:v>
                </c:pt>
                <c:pt idx="27">
                  <c:v>44669</c:v>
                </c:pt>
                <c:pt idx="28">
                  <c:v>44665</c:v>
                </c:pt>
                <c:pt idx="29">
                  <c:v>44664</c:v>
                </c:pt>
                <c:pt idx="30">
                  <c:v>44663</c:v>
                </c:pt>
                <c:pt idx="31">
                  <c:v>44662</c:v>
                </c:pt>
                <c:pt idx="32">
                  <c:v>44659</c:v>
                </c:pt>
                <c:pt idx="33">
                  <c:v>44658</c:v>
                </c:pt>
                <c:pt idx="34">
                  <c:v>44657</c:v>
                </c:pt>
                <c:pt idx="35">
                  <c:v>44656</c:v>
                </c:pt>
                <c:pt idx="36">
                  <c:v>44655</c:v>
                </c:pt>
                <c:pt idx="37">
                  <c:v>44652</c:v>
                </c:pt>
                <c:pt idx="38">
                  <c:v>44651</c:v>
                </c:pt>
                <c:pt idx="39">
                  <c:v>44650</c:v>
                </c:pt>
                <c:pt idx="40">
                  <c:v>44649</c:v>
                </c:pt>
                <c:pt idx="41">
                  <c:v>44648</c:v>
                </c:pt>
                <c:pt idx="42">
                  <c:v>44645</c:v>
                </c:pt>
                <c:pt idx="43">
                  <c:v>44644</c:v>
                </c:pt>
                <c:pt idx="44">
                  <c:v>44643</c:v>
                </c:pt>
                <c:pt idx="45">
                  <c:v>44642</c:v>
                </c:pt>
                <c:pt idx="46">
                  <c:v>44641</c:v>
                </c:pt>
                <c:pt idx="47">
                  <c:v>44638</c:v>
                </c:pt>
                <c:pt idx="48">
                  <c:v>44637</c:v>
                </c:pt>
                <c:pt idx="49">
                  <c:v>44636</c:v>
                </c:pt>
                <c:pt idx="50">
                  <c:v>44635</c:v>
                </c:pt>
                <c:pt idx="51">
                  <c:v>44634</c:v>
                </c:pt>
                <c:pt idx="52">
                  <c:v>44631</c:v>
                </c:pt>
                <c:pt idx="53">
                  <c:v>44630</c:v>
                </c:pt>
                <c:pt idx="54">
                  <c:v>44629</c:v>
                </c:pt>
                <c:pt idx="55">
                  <c:v>44628</c:v>
                </c:pt>
                <c:pt idx="56">
                  <c:v>44627</c:v>
                </c:pt>
                <c:pt idx="57">
                  <c:v>44624</c:v>
                </c:pt>
                <c:pt idx="58">
                  <c:v>44623</c:v>
                </c:pt>
                <c:pt idx="59">
                  <c:v>44622</c:v>
                </c:pt>
                <c:pt idx="60">
                  <c:v>44621</c:v>
                </c:pt>
                <c:pt idx="61">
                  <c:v>44620</c:v>
                </c:pt>
                <c:pt idx="62">
                  <c:v>44617</c:v>
                </c:pt>
                <c:pt idx="63">
                  <c:v>44616</c:v>
                </c:pt>
                <c:pt idx="64">
                  <c:v>44615</c:v>
                </c:pt>
                <c:pt idx="65">
                  <c:v>44614</c:v>
                </c:pt>
                <c:pt idx="66">
                  <c:v>44610</c:v>
                </c:pt>
                <c:pt idx="67">
                  <c:v>44609</c:v>
                </c:pt>
                <c:pt idx="68">
                  <c:v>44608</c:v>
                </c:pt>
                <c:pt idx="69">
                  <c:v>44607</c:v>
                </c:pt>
                <c:pt idx="70">
                  <c:v>44606</c:v>
                </c:pt>
                <c:pt idx="71">
                  <c:v>44603</c:v>
                </c:pt>
                <c:pt idx="72">
                  <c:v>44602</c:v>
                </c:pt>
                <c:pt idx="73">
                  <c:v>44601</c:v>
                </c:pt>
                <c:pt idx="74">
                  <c:v>44600</c:v>
                </c:pt>
                <c:pt idx="75">
                  <c:v>44599</c:v>
                </c:pt>
                <c:pt idx="76">
                  <c:v>44596</c:v>
                </c:pt>
                <c:pt idx="77">
                  <c:v>44595</c:v>
                </c:pt>
                <c:pt idx="78">
                  <c:v>44594</c:v>
                </c:pt>
                <c:pt idx="79">
                  <c:v>44593</c:v>
                </c:pt>
                <c:pt idx="80">
                  <c:v>44592</c:v>
                </c:pt>
                <c:pt idx="81">
                  <c:v>44589</c:v>
                </c:pt>
                <c:pt idx="82">
                  <c:v>44588</c:v>
                </c:pt>
                <c:pt idx="83">
                  <c:v>44587</c:v>
                </c:pt>
                <c:pt idx="84">
                  <c:v>44586</c:v>
                </c:pt>
                <c:pt idx="85">
                  <c:v>44585</c:v>
                </c:pt>
                <c:pt idx="86">
                  <c:v>44582</c:v>
                </c:pt>
                <c:pt idx="87">
                  <c:v>44581</c:v>
                </c:pt>
                <c:pt idx="88">
                  <c:v>44580</c:v>
                </c:pt>
                <c:pt idx="89">
                  <c:v>44579</c:v>
                </c:pt>
                <c:pt idx="90">
                  <c:v>44575</c:v>
                </c:pt>
                <c:pt idx="91">
                  <c:v>44574</c:v>
                </c:pt>
                <c:pt idx="92">
                  <c:v>44573</c:v>
                </c:pt>
                <c:pt idx="93">
                  <c:v>44572</c:v>
                </c:pt>
                <c:pt idx="94">
                  <c:v>44571</c:v>
                </c:pt>
                <c:pt idx="95">
                  <c:v>44568</c:v>
                </c:pt>
                <c:pt idx="96">
                  <c:v>44567</c:v>
                </c:pt>
                <c:pt idx="97">
                  <c:v>44566</c:v>
                </c:pt>
                <c:pt idx="98">
                  <c:v>44565</c:v>
                </c:pt>
                <c:pt idx="99">
                  <c:v>44564</c:v>
                </c:pt>
                <c:pt idx="100">
                  <c:v>44561</c:v>
                </c:pt>
                <c:pt idx="101">
                  <c:v>44560</c:v>
                </c:pt>
                <c:pt idx="102">
                  <c:v>44559</c:v>
                </c:pt>
                <c:pt idx="103">
                  <c:v>44558</c:v>
                </c:pt>
                <c:pt idx="104">
                  <c:v>44557</c:v>
                </c:pt>
                <c:pt idx="105">
                  <c:v>44553</c:v>
                </c:pt>
                <c:pt idx="106">
                  <c:v>44552</c:v>
                </c:pt>
                <c:pt idx="107">
                  <c:v>44551</c:v>
                </c:pt>
                <c:pt idx="108">
                  <c:v>44550</c:v>
                </c:pt>
                <c:pt idx="109">
                  <c:v>44547</c:v>
                </c:pt>
                <c:pt idx="110">
                  <c:v>44546</c:v>
                </c:pt>
                <c:pt idx="111">
                  <c:v>44545</c:v>
                </c:pt>
                <c:pt idx="112">
                  <c:v>44544</c:v>
                </c:pt>
                <c:pt idx="113">
                  <c:v>44543</c:v>
                </c:pt>
                <c:pt idx="114">
                  <c:v>44540</c:v>
                </c:pt>
                <c:pt idx="115">
                  <c:v>44539</c:v>
                </c:pt>
                <c:pt idx="116">
                  <c:v>44538</c:v>
                </c:pt>
                <c:pt idx="117">
                  <c:v>44537</c:v>
                </c:pt>
                <c:pt idx="118">
                  <c:v>44536</c:v>
                </c:pt>
                <c:pt idx="119">
                  <c:v>44533</c:v>
                </c:pt>
                <c:pt idx="120">
                  <c:v>44532</c:v>
                </c:pt>
                <c:pt idx="121">
                  <c:v>44531</c:v>
                </c:pt>
                <c:pt idx="122">
                  <c:v>44530</c:v>
                </c:pt>
                <c:pt idx="123">
                  <c:v>44529</c:v>
                </c:pt>
                <c:pt idx="124">
                  <c:v>44526</c:v>
                </c:pt>
                <c:pt idx="125">
                  <c:v>44524</c:v>
                </c:pt>
                <c:pt idx="126">
                  <c:v>44523</c:v>
                </c:pt>
                <c:pt idx="127">
                  <c:v>44522</c:v>
                </c:pt>
                <c:pt idx="128">
                  <c:v>44519</c:v>
                </c:pt>
                <c:pt idx="129">
                  <c:v>44518</c:v>
                </c:pt>
                <c:pt idx="130">
                  <c:v>44517</c:v>
                </c:pt>
                <c:pt idx="131">
                  <c:v>44516</c:v>
                </c:pt>
                <c:pt idx="132">
                  <c:v>44515</c:v>
                </c:pt>
                <c:pt idx="133">
                  <c:v>44512</c:v>
                </c:pt>
                <c:pt idx="134">
                  <c:v>44510</c:v>
                </c:pt>
                <c:pt idx="135">
                  <c:v>44509</c:v>
                </c:pt>
                <c:pt idx="136">
                  <c:v>44508</c:v>
                </c:pt>
                <c:pt idx="137">
                  <c:v>44505</c:v>
                </c:pt>
                <c:pt idx="138">
                  <c:v>44504</c:v>
                </c:pt>
                <c:pt idx="139">
                  <c:v>44503</c:v>
                </c:pt>
                <c:pt idx="140">
                  <c:v>44502</c:v>
                </c:pt>
                <c:pt idx="141">
                  <c:v>44501</c:v>
                </c:pt>
                <c:pt idx="142">
                  <c:v>44498</c:v>
                </c:pt>
                <c:pt idx="143">
                  <c:v>44497</c:v>
                </c:pt>
                <c:pt idx="144">
                  <c:v>44496</c:v>
                </c:pt>
                <c:pt idx="145">
                  <c:v>44495</c:v>
                </c:pt>
                <c:pt idx="146">
                  <c:v>44494</c:v>
                </c:pt>
                <c:pt idx="147">
                  <c:v>44491</c:v>
                </c:pt>
                <c:pt idx="148">
                  <c:v>44490</c:v>
                </c:pt>
                <c:pt idx="149">
                  <c:v>44489</c:v>
                </c:pt>
                <c:pt idx="150">
                  <c:v>44488</c:v>
                </c:pt>
                <c:pt idx="151">
                  <c:v>44487</c:v>
                </c:pt>
                <c:pt idx="152">
                  <c:v>44484</c:v>
                </c:pt>
                <c:pt idx="153">
                  <c:v>44483</c:v>
                </c:pt>
                <c:pt idx="154">
                  <c:v>44482</c:v>
                </c:pt>
                <c:pt idx="155">
                  <c:v>44481</c:v>
                </c:pt>
                <c:pt idx="156">
                  <c:v>44477</c:v>
                </c:pt>
                <c:pt idx="157">
                  <c:v>44476</c:v>
                </c:pt>
                <c:pt idx="158">
                  <c:v>44475</c:v>
                </c:pt>
                <c:pt idx="159">
                  <c:v>44474</c:v>
                </c:pt>
                <c:pt idx="160">
                  <c:v>44473</c:v>
                </c:pt>
                <c:pt idx="161">
                  <c:v>44470</c:v>
                </c:pt>
                <c:pt idx="162">
                  <c:v>44469</c:v>
                </c:pt>
                <c:pt idx="163">
                  <c:v>44468</c:v>
                </c:pt>
                <c:pt idx="164">
                  <c:v>44467</c:v>
                </c:pt>
                <c:pt idx="165">
                  <c:v>44466</c:v>
                </c:pt>
                <c:pt idx="166">
                  <c:v>44463</c:v>
                </c:pt>
                <c:pt idx="167">
                  <c:v>44462</c:v>
                </c:pt>
                <c:pt idx="168">
                  <c:v>44461</c:v>
                </c:pt>
                <c:pt idx="169">
                  <c:v>44460</c:v>
                </c:pt>
                <c:pt idx="170">
                  <c:v>44459</c:v>
                </c:pt>
                <c:pt idx="171">
                  <c:v>44456</c:v>
                </c:pt>
                <c:pt idx="172">
                  <c:v>44455</c:v>
                </c:pt>
                <c:pt idx="173">
                  <c:v>44454</c:v>
                </c:pt>
                <c:pt idx="174">
                  <c:v>44453</c:v>
                </c:pt>
                <c:pt idx="175">
                  <c:v>44452</c:v>
                </c:pt>
                <c:pt idx="176">
                  <c:v>44449</c:v>
                </c:pt>
                <c:pt idx="177">
                  <c:v>44448</c:v>
                </c:pt>
                <c:pt idx="178">
                  <c:v>44447</c:v>
                </c:pt>
                <c:pt idx="179">
                  <c:v>44446</c:v>
                </c:pt>
                <c:pt idx="180">
                  <c:v>44442</c:v>
                </c:pt>
                <c:pt idx="181">
                  <c:v>44441</c:v>
                </c:pt>
                <c:pt idx="182">
                  <c:v>44440</c:v>
                </c:pt>
                <c:pt idx="183">
                  <c:v>44439</c:v>
                </c:pt>
                <c:pt idx="184">
                  <c:v>44438</c:v>
                </c:pt>
                <c:pt idx="185">
                  <c:v>44435</c:v>
                </c:pt>
                <c:pt idx="186">
                  <c:v>44434</c:v>
                </c:pt>
                <c:pt idx="187">
                  <c:v>44433</c:v>
                </c:pt>
                <c:pt idx="188">
                  <c:v>44432</c:v>
                </c:pt>
                <c:pt idx="189">
                  <c:v>44431</c:v>
                </c:pt>
                <c:pt idx="190">
                  <c:v>44428</c:v>
                </c:pt>
                <c:pt idx="191">
                  <c:v>44427</c:v>
                </c:pt>
                <c:pt idx="192">
                  <c:v>44426</c:v>
                </c:pt>
                <c:pt idx="193">
                  <c:v>44425</c:v>
                </c:pt>
                <c:pt idx="194">
                  <c:v>44424</c:v>
                </c:pt>
                <c:pt idx="195">
                  <c:v>44421</c:v>
                </c:pt>
                <c:pt idx="196">
                  <c:v>44420</c:v>
                </c:pt>
                <c:pt idx="197">
                  <c:v>44419</c:v>
                </c:pt>
                <c:pt idx="198">
                  <c:v>44418</c:v>
                </c:pt>
                <c:pt idx="199">
                  <c:v>44417</c:v>
                </c:pt>
                <c:pt idx="200">
                  <c:v>44414</c:v>
                </c:pt>
                <c:pt idx="201">
                  <c:v>44413</c:v>
                </c:pt>
                <c:pt idx="202">
                  <c:v>44412</c:v>
                </c:pt>
                <c:pt idx="203">
                  <c:v>44411</c:v>
                </c:pt>
                <c:pt idx="204">
                  <c:v>44410</c:v>
                </c:pt>
                <c:pt idx="205">
                  <c:v>44407</c:v>
                </c:pt>
                <c:pt idx="206">
                  <c:v>44406</c:v>
                </c:pt>
                <c:pt idx="207">
                  <c:v>44405</c:v>
                </c:pt>
                <c:pt idx="208">
                  <c:v>44404</c:v>
                </c:pt>
                <c:pt idx="209">
                  <c:v>44403</c:v>
                </c:pt>
                <c:pt idx="210">
                  <c:v>44400</c:v>
                </c:pt>
                <c:pt idx="211">
                  <c:v>44399</c:v>
                </c:pt>
                <c:pt idx="212">
                  <c:v>44398</c:v>
                </c:pt>
                <c:pt idx="213">
                  <c:v>44397</c:v>
                </c:pt>
                <c:pt idx="214">
                  <c:v>44396</c:v>
                </c:pt>
                <c:pt idx="215">
                  <c:v>44393</c:v>
                </c:pt>
                <c:pt idx="216">
                  <c:v>44392</c:v>
                </c:pt>
                <c:pt idx="217">
                  <c:v>44391</c:v>
                </c:pt>
                <c:pt idx="218">
                  <c:v>44390</c:v>
                </c:pt>
                <c:pt idx="219">
                  <c:v>44389</c:v>
                </c:pt>
                <c:pt idx="220">
                  <c:v>44386</c:v>
                </c:pt>
                <c:pt idx="221">
                  <c:v>44385</c:v>
                </c:pt>
                <c:pt idx="222">
                  <c:v>44384</c:v>
                </c:pt>
                <c:pt idx="223">
                  <c:v>44383</c:v>
                </c:pt>
                <c:pt idx="224">
                  <c:v>44379</c:v>
                </c:pt>
                <c:pt idx="225">
                  <c:v>44378</c:v>
                </c:pt>
                <c:pt idx="226">
                  <c:v>44377</c:v>
                </c:pt>
                <c:pt idx="227">
                  <c:v>44376</c:v>
                </c:pt>
                <c:pt idx="228">
                  <c:v>44375</c:v>
                </c:pt>
                <c:pt idx="229">
                  <c:v>44372</c:v>
                </c:pt>
                <c:pt idx="230">
                  <c:v>44371</c:v>
                </c:pt>
                <c:pt idx="231">
                  <c:v>44370</c:v>
                </c:pt>
                <c:pt idx="232">
                  <c:v>44369</c:v>
                </c:pt>
                <c:pt idx="233">
                  <c:v>44368</c:v>
                </c:pt>
                <c:pt idx="234">
                  <c:v>44365</c:v>
                </c:pt>
                <c:pt idx="235">
                  <c:v>44364</c:v>
                </c:pt>
                <c:pt idx="236">
                  <c:v>44363</c:v>
                </c:pt>
                <c:pt idx="237">
                  <c:v>44362</c:v>
                </c:pt>
                <c:pt idx="238">
                  <c:v>44361</c:v>
                </c:pt>
                <c:pt idx="239">
                  <c:v>44358</c:v>
                </c:pt>
                <c:pt idx="240">
                  <c:v>44357</c:v>
                </c:pt>
                <c:pt idx="241">
                  <c:v>44356</c:v>
                </c:pt>
                <c:pt idx="242">
                  <c:v>44355</c:v>
                </c:pt>
                <c:pt idx="243">
                  <c:v>44354</c:v>
                </c:pt>
                <c:pt idx="244">
                  <c:v>44351</c:v>
                </c:pt>
                <c:pt idx="245">
                  <c:v>44350</c:v>
                </c:pt>
                <c:pt idx="246">
                  <c:v>44349</c:v>
                </c:pt>
                <c:pt idx="247">
                  <c:v>44348</c:v>
                </c:pt>
                <c:pt idx="248">
                  <c:v>44344</c:v>
                </c:pt>
                <c:pt idx="249">
                  <c:v>44343</c:v>
                </c:pt>
                <c:pt idx="250">
                  <c:v>44342</c:v>
                </c:pt>
                <c:pt idx="251">
                  <c:v>44341</c:v>
                </c:pt>
                <c:pt idx="252">
                  <c:v>44340</c:v>
                </c:pt>
                <c:pt idx="253">
                  <c:v>44337</c:v>
                </c:pt>
                <c:pt idx="254">
                  <c:v>44336</c:v>
                </c:pt>
                <c:pt idx="255">
                  <c:v>44335</c:v>
                </c:pt>
                <c:pt idx="256">
                  <c:v>44334</c:v>
                </c:pt>
                <c:pt idx="257">
                  <c:v>44333</c:v>
                </c:pt>
                <c:pt idx="258">
                  <c:v>44330</c:v>
                </c:pt>
                <c:pt idx="259">
                  <c:v>44329</c:v>
                </c:pt>
                <c:pt idx="260">
                  <c:v>44328</c:v>
                </c:pt>
                <c:pt idx="261">
                  <c:v>44327</c:v>
                </c:pt>
                <c:pt idx="262">
                  <c:v>44326</c:v>
                </c:pt>
                <c:pt idx="263">
                  <c:v>44323</c:v>
                </c:pt>
                <c:pt idx="264">
                  <c:v>44322</c:v>
                </c:pt>
                <c:pt idx="265">
                  <c:v>44321</c:v>
                </c:pt>
                <c:pt idx="266">
                  <c:v>44320</c:v>
                </c:pt>
                <c:pt idx="267">
                  <c:v>44319</c:v>
                </c:pt>
                <c:pt idx="268">
                  <c:v>44316</c:v>
                </c:pt>
                <c:pt idx="269">
                  <c:v>44315</c:v>
                </c:pt>
                <c:pt idx="270">
                  <c:v>44314</c:v>
                </c:pt>
                <c:pt idx="271">
                  <c:v>44313</c:v>
                </c:pt>
                <c:pt idx="272">
                  <c:v>44312</c:v>
                </c:pt>
                <c:pt idx="273">
                  <c:v>44309</c:v>
                </c:pt>
                <c:pt idx="274">
                  <c:v>44308</c:v>
                </c:pt>
                <c:pt idx="275">
                  <c:v>44307</c:v>
                </c:pt>
                <c:pt idx="276">
                  <c:v>44306</c:v>
                </c:pt>
                <c:pt idx="277">
                  <c:v>44305</c:v>
                </c:pt>
                <c:pt idx="278">
                  <c:v>44302</c:v>
                </c:pt>
                <c:pt idx="279">
                  <c:v>44301</c:v>
                </c:pt>
                <c:pt idx="280">
                  <c:v>44300</c:v>
                </c:pt>
                <c:pt idx="281">
                  <c:v>44299</c:v>
                </c:pt>
                <c:pt idx="282">
                  <c:v>44298</c:v>
                </c:pt>
                <c:pt idx="283">
                  <c:v>44295</c:v>
                </c:pt>
                <c:pt idx="284">
                  <c:v>44294</c:v>
                </c:pt>
                <c:pt idx="285">
                  <c:v>44293</c:v>
                </c:pt>
                <c:pt idx="286">
                  <c:v>44292</c:v>
                </c:pt>
                <c:pt idx="287">
                  <c:v>44291</c:v>
                </c:pt>
                <c:pt idx="288">
                  <c:v>44287</c:v>
                </c:pt>
                <c:pt idx="289">
                  <c:v>44286</c:v>
                </c:pt>
                <c:pt idx="290">
                  <c:v>44285</c:v>
                </c:pt>
                <c:pt idx="291">
                  <c:v>44284</c:v>
                </c:pt>
                <c:pt idx="292">
                  <c:v>44281</c:v>
                </c:pt>
                <c:pt idx="293">
                  <c:v>44280</c:v>
                </c:pt>
                <c:pt idx="294">
                  <c:v>44279</c:v>
                </c:pt>
                <c:pt idx="295">
                  <c:v>44278</c:v>
                </c:pt>
                <c:pt idx="296">
                  <c:v>44277</c:v>
                </c:pt>
                <c:pt idx="297">
                  <c:v>44274</c:v>
                </c:pt>
                <c:pt idx="298">
                  <c:v>44273</c:v>
                </c:pt>
                <c:pt idx="299">
                  <c:v>44272</c:v>
                </c:pt>
                <c:pt idx="300">
                  <c:v>44271</c:v>
                </c:pt>
                <c:pt idx="301">
                  <c:v>44270</c:v>
                </c:pt>
                <c:pt idx="302">
                  <c:v>44267</c:v>
                </c:pt>
                <c:pt idx="303">
                  <c:v>44266</c:v>
                </c:pt>
                <c:pt idx="304">
                  <c:v>44265</c:v>
                </c:pt>
                <c:pt idx="305">
                  <c:v>44264</c:v>
                </c:pt>
                <c:pt idx="306">
                  <c:v>44263</c:v>
                </c:pt>
                <c:pt idx="307">
                  <c:v>44260</c:v>
                </c:pt>
                <c:pt idx="308">
                  <c:v>44259</c:v>
                </c:pt>
                <c:pt idx="309">
                  <c:v>44258</c:v>
                </c:pt>
                <c:pt idx="310">
                  <c:v>44257</c:v>
                </c:pt>
                <c:pt idx="311">
                  <c:v>44256</c:v>
                </c:pt>
                <c:pt idx="312">
                  <c:v>44253</c:v>
                </c:pt>
                <c:pt idx="313">
                  <c:v>44252</c:v>
                </c:pt>
                <c:pt idx="314">
                  <c:v>44251</c:v>
                </c:pt>
                <c:pt idx="315">
                  <c:v>44250</c:v>
                </c:pt>
                <c:pt idx="316">
                  <c:v>44249</c:v>
                </c:pt>
                <c:pt idx="317">
                  <c:v>44246</c:v>
                </c:pt>
                <c:pt idx="318">
                  <c:v>44245</c:v>
                </c:pt>
                <c:pt idx="319">
                  <c:v>44244</c:v>
                </c:pt>
                <c:pt idx="320">
                  <c:v>44243</c:v>
                </c:pt>
                <c:pt idx="321">
                  <c:v>44239</c:v>
                </c:pt>
                <c:pt idx="322">
                  <c:v>44238</c:v>
                </c:pt>
                <c:pt idx="323">
                  <c:v>44237</c:v>
                </c:pt>
                <c:pt idx="324">
                  <c:v>44236</c:v>
                </c:pt>
                <c:pt idx="325">
                  <c:v>44235</c:v>
                </c:pt>
                <c:pt idx="326">
                  <c:v>44232</c:v>
                </c:pt>
                <c:pt idx="327">
                  <c:v>44231</c:v>
                </c:pt>
                <c:pt idx="328">
                  <c:v>44230</c:v>
                </c:pt>
                <c:pt idx="329">
                  <c:v>44229</c:v>
                </c:pt>
                <c:pt idx="330">
                  <c:v>44228</c:v>
                </c:pt>
                <c:pt idx="331">
                  <c:v>44225</c:v>
                </c:pt>
                <c:pt idx="332">
                  <c:v>44224</c:v>
                </c:pt>
                <c:pt idx="333">
                  <c:v>44223</c:v>
                </c:pt>
                <c:pt idx="334">
                  <c:v>44222</c:v>
                </c:pt>
                <c:pt idx="335">
                  <c:v>44221</c:v>
                </c:pt>
                <c:pt idx="336">
                  <c:v>44218</c:v>
                </c:pt>
                <c:pt idx="337">
                  <c:v>44217</c:v>
                </c:pt>
                <c:pt idx="338">
                  <c:v>44216</c:v>
                </c:pt>
                <c:pt idx="339">
                  <c:v>44215</c:v>
                </c:pt>
                <c:pt idx="340">
                  <c:v>44211</c:v>
                </c:pt>
                <c:pt idx="341">
                  <c:v>44210</c:v>
                </c:pt>
                <c:pt idx="342">
                  <c:v>44209</c:v>
                </c:pt>
                <c:pt idx="343">
                  <c:v>44208</c:v>
                </c:pt>
                <c:pt idx="344">
                  <c:v>44207</c:v>
                </c:pt>
                <c:pt idx="345">
                  <c:v>44204</c:v>
                </c:pt>
                <c:pt idx="346">
                  <c:v>44203</c:v>
                </c:pt>
                <c:pt idx="347">
                  <c:v>44202</c:v>
                </c:pt>
                <c:pt idx="348">
                  <c:v>44201</c:v>
                </c:pt>
                <c:pt idx="349">
                  <c:v>44200</c:v>
                </c:pt>
                <c:pt idx="350">
                  <c:v>44196</c:v>
                </c:pt>
                <c:pt idx="351">
                  <c:v>44195</c:v>
                </c:pt>
                <c:pt idx="352">
                  <c:v>44194</c:v>
                </c:pt>
                <c:pt idx="353">
                  <c:v>44193</c:v>
                </c:pt>
                <c:pt idx="354">
                  <c:v>44189</c:v>
                </c:pt>
                <c:pt idx="355">
                  <c:v>44188</c:v>
                </c:pt>
                <c:pt idx="356">
                  <c:v>44187</c:v>
                </c:pt>
                <c:pt idx="357">
                  <c:v>44186</c:v>
                </c:pt>
                <c:pt idx="358">
                  <c:v>44183</c:v>
                </c:pt>
                <c:pt idx="359">
                  <c:v>44182</c:v>
                </c:pt>
                <c:pt idx="360">
                  <c:v>44181</c:v>
                </c:pt>
                <c:pt idx="361">
                  <c:v>44180</c:v>
                </c:pt>
                <c:pt idx="362">
                  <c:v>44179</c:v>
                </c:pt>
                <c:pt idx="363">
                  <c:v>44176</c:v>
                </c:pt>
                <c:pt idx="364">
                  <c:v>44175</c:v>
                </c:pt>
                <c:pt idx="365">
                  <c:v>44174</c:v>
                </c:pt>
                <c:pt idx="366">
                  <c:v>44173</c:v>
                </c:pt>
                <c:pt idx="367">
                  <c:v>44172</c:v>
                </c:pt>
                <c:pt idx="368">
                  <c:v>44169</c:v>
                </c:pt>
                <c:pt idx="369">
                  <c:v>44168</c:v>
                </c:pt>
                <c:pt idx="370">
                  <c:v>44167</c:v>
                </c:pt>
                <c:pt idx="371">
                  <c:v>44166</c:v>
                </c:pt>
                <c:pt idx="372">
                  <c:v>44165</c:v>
                </c:pt>
                <c:pt idx="373">
                  <c:v>44162</c:v>
                </c:pt>
                <c:pt idx="374">
                  <c:v>44160</c:v>
                </c:pt>
                <c:pt idx="375">
                  <c:v>44159</c:v>
                </c:pt>
                <c:pt idx="376">
                  <c:v>44158</c:v>
                </c:pt>
                <c:pt idx="377">
                  <c:v>44155</c:v>
                </c:pt>
                <c:pt idx="378">
                  <c:v>44154</c:v>
                </c:pt>
                <c:pt idx="379">
                  <c:v>44153</c:v>
                </c:pt>
                <c:pt idx="380">
                  <c:v>44152</c:v>
                </c:pt>
                <c:pt idx="381">
                  <c:v>44151</c:v>
                </c:pt>
                <c:pt idx="382">
                  <c:v>44148</c:v>
                </c:pt>
                <c:pt idx="383">
                  <c:v>44147</c:v>
                </c:pt>
                <c:pt idx="384">
                  <c:v>44145</c:v>
                </c:pt>
                <c:pt idx="385">
                  <c:v>44144</c:v>
                </c:pt>
                <c:pt idx="386">
                  <c:v>44141</c:v>
                </c:pt>
                <c:pt idx="387">
                  <c:v>44140</c:v>
                </c:pt>
                <c:pt idx="388">
                  <c:v>44139</c:v>
                </c:pt>
                <c:pt idx="389">
                  <c:v>44138</c:v>
                </c:pt>
                <c:pt idx="390">
                  <c:v>44137</c:v>
                </c:pt>
                <c:pt idx="391">
                  <c:v>44134</c:v>
                </c:pt>
                <c:pt idx="392">
                  <c:v>44133</c:v>
                </c:pt>
                <c:pt idx="393">
                  <c:v>44132</c:v>
                </c:pt>
                <c:pt idx="394">
                  <c:v>44131</c:v>
                </c:pt>
                <c:pt idx="395">
                  <c:v>44130</c:v>
                </c:pt>
                <c:pt idx="396">
                  <c:v>44127</c:v>
                </c:pt>
                <c:pt idx="397">
                  <c:v>44126</c:v>
                </c:pt>
                <c:pt idx="398">
                  <c:v>44125</c:v>
                </c:pt>
                <c:pt idx="399">
                  <c:v>44124</c:v>
                </c:pt>
                <c:pt idx="400">
                  <c:v>44123</c:v>
                </c:pt>
                <c:pt idx="401">
                  <c:v>44120</c:v>
                </c:pt>
                <c:pt idx="402">
                  <c:v>44119</c:v>
                </c:pt>
                <c:pt idx="403">
                  <c:v>44118</c:v>
                </c:pt>
                <c:pt idx="404">
                  <c:v>44117</c:v>
                </c:pt>
                <c:pt idx="405">
                  <c:v>44113</c:v>
                </c:pt>
                <c:pt idx="406">
                  <c:v>44112</c:v>
                </c:pt>
                <c:pt idx="407">
                  <c:v>44111</c:v>
                </c:pt>
                <c:pt idx="408">
                  <c:v>44110</c:v>
                </c:pt>
                <c:pt idx="409">
                  <c:v>44109</c:v>
                </c:pt>
                <c:pt idx="410">
                  <c:v>44106</c:v>
                </c:pt>
                <c:pt idx="411">
                  <c:v>44105</c:v>
                </c:pt>
                <c:pt idx="412">
                  <c:v>44104</c:v>
                </c:pt>
                <c:pt idx="413">
                  <c:v>44103</c:v>
                </c:pt>
                <c:pt idx="414">
                  <c:v>44102</c:v>
                </c:pt>
                <c:pt idx="415">
                  <c:v>44099</c:v>
                </c:pt>
                <c:pt idx="416">
                  <c:v>44098</c:v>
                </c:pt>
                <c:pt idx="417">
                  <c:v>44097</c:v>
                </c:pt>
                <c:pt idx="418">
                  <c:v>44096</c:v>
                </c:pt>
                <c:pt idx="419">
                  <c:v>44095</c:v>
                </c:pt>
                <c:pt idx="420">
                  <c:v>44092</c:v>
                </c:pt>
                <c:pt idx="421">
                  <c:v>44091</c:v>
                </c:pt>
                <c:pt idx="422">
                  <c:v>44090</c:v>
                </c:pt>
                <c:pt idx="423">
                  <c:v>44089</c:v>
                </c:pt>
                <c:pt idx="424">
                  <c:v>44088</c:v>
                </c:pt>
                <c:pt idx="425">
                  <c:v>44085</c:v>
                </c:pt>
                <c:pt idx="426">
                  <c:v>44084</c:v>
                </c:pt>
                <c:pt idx="427">
                  <c:v>44083</c:v>
                </c:pt>
                <c:pt idx="428">
                  <c:v>44082</c:v>
                </c:pt>
                <c:pt idx="429">
                  <c:v>44078</c:v>
                </c:pt>
                <c:pt idx="430">
                  <c:v>44077</c:v>
                </c:pt>
                <c:pt idx="431">
                  <c:v>44076</c:v>
                </c:pt>
                <c:pt idx="432">
                  <c:v>44075</c:v>
                </c:pt>
                <c:pt idx="433">
                  <c:v>44074</c:v>
                </c:pt>
                <c:pt idx="434">
                  <c:v>44071</c:v>
                </c:pt>
                <c:pt idx="435">
                  <c:v>44070</c:v>
                </c:pt>
                <c:pt idx="436">
                  <c:v>44069</c:v>
                </c:pt>
                <c:pt idx="437">
                  <c:v>44068</c:v>
                </c:pt>
                <c:pt idx="438">
                  <c:v>44067</c:v>
                </c:pt>
                <c:pt idx="439">
                  <c:v>44064</c:v>
                </c:pt>
                <c:pt idx="440">
                  <c:v>44063</c:v>
                </c:pt>
                <c:pt idx="441">
                  <c:v>44062</c:v>
                </c:pt>
                <c:pt idx="442">
                  <c:v>44061</c:v>
                </c:pt>
                <c:pt idx="443">
                  <c:v>44060</c:v>
                </c:pt>
                <c:pt idx="444">
                  <c:v>44057</c:v>
                </c:pt>
                <c:pt idx="445">
                  <c:v>44056</c:v>
                </c:pt>
                <c:pt idx="446">
                  <c:v>44055</c:v>
                </c:pt>
                <c:pt idx="447">
                  <c:v>44054</c:v>
                </c:pt>
                <c:pt idx="448">
                  <c:v>44053</c:v>
                </c:pt>
                <c:pt idx="449">
                  <c:v>44050</c:v>
                </c:pt>
                <c:pt idx="450">
                  <c:v>44049</c:v>
                </c:pt>
                <c:pt idx="451">
                  <c:v>44048</c:v>
                </c:pt>
                <c:pt idx="452">
                  <c:v>44047</c:v>
                </c:pt>
                <c:pt idx="453">
                  <c:v>44046</c:v>
                </c:pt>
                <c:pt idx="454">
                  <c:v>44043</c:v>
                </c:pt>
                <c:pt idx="455">
                  <c:v>44042</c:v>
                </c:pt>
                <c:pt idx="456">
                  <c:v>44041</c:v>
                </c:pt>
                <c:pt idx="457">
                  <c:v>44040</c:v>
                </c:pt>
                <c:pt idx="458">
                  <c:v>44039</c:v>
                </c:pt>
                <c:pt idx="459">
                  <c:v>44036</c:v>
                </c:pt>
                <c:pt idx="460">
                  <c:v>44035</c:v>
                </c:pt>
                <c:pt idx="461">
                  <c:v>44034</c:v>
                </c:pt>
                <c:pt idx="462">
                  <c:v>44033</c:v>
                </c:pt>
                <c:pt idx="463">
                  <c:v>44032</c:v>
                </c:pt>
                <c:pt idx="464">
                  <c:v>44029</c:v>
                </c:pt>
                <c:pt idx="465">
                  <c:v>44028</c:v>
                </c:pt>
                <c:pt idx="466">
                  <c:v>44027</c:v>
                </c:pt>
                <c:pt idx="467">
                  <c:v>44026</c:v>
                </c:pt>
                <c:pt idx="468">
                  <c:v>44025</c:v>
                </c:pt>
                <c:pt idx="469">
                  <c:v>44022</c:v>
                </c:pt>
                <c:pt idx="470">
                  <c:v>44021</c:v>
                </c:pt>
                <c:pt idx="471">
                  <c:v>44020</c:v>
                </c:pt>
                <c:pt idx="472">
                  <c:v>44019</c:v>
                </c:pt>
                <c:pt idx="473">
                  <c:v>44018</c:v>
                </c:pt>
                <c:pt idx="474">
                  <c:v>44014</c:v>
                </c:pt>
                <c:pt idx="475">
                  <c:v>44013</c:v>
                </c:pt>
                <c:pt idx="476">
                  <c:v>44012</c:v>
                </c:pt>
                <c:pt idx="477">
                  <c:v>44011</c:v>
                </c:pt>
                <c:pt idx="478">
                  <c:v>44008</c:v>
                </c:pt>
                <c:pt idx="479">
                  <c:v>44007</c:v>
                </c:pt>
                <c:pt idx="480">
                  <c:v>44006</c:v>
                </c:pt>
                <c:pt idx="481">
                  <c:v>44005</c:v>
                </c:pt>
                <c:pt idx="482">
                  <c:v>44004</c:v>
                </c:pt>
                <c:pt idx="483">
                  <c:v>44001</c:v>
                </c:pt>
                <c:pt idx="484">
                  <c:v>44000</c:v>
                </c:pt>
                <c:pt idx="485">
                  <c:v>43999</c:v>
                </c:pt>
                <c:pt idx="486">
                  <c:v>43998</c:v>
                </c:pt>
                <c:pt idx="487">
                  <c:v>43997</c:v>
                </c:pt>
                <c:pt idx="488">
                  <c:v>43994</c:v>
                </c:pt>
                <c:pt idx="489">
                  <c:v>43993</c:v>
                </c:pt>
                <c:pt idx="490">
                  <c:v>43992</c:v>
                </c:pt>
                <c:pt idx="491">
                  <c:v>43991</c:v>
                </c:pt>
                <c:pt idx="492">
                  <c:v>43990</c:v>
                </c:pt>
                <c:pt idx="493">
                  <c:v>43987</c:v>
                </c:pt>
                <c:pt idx="494">
                  <c:v>43986</c:v>
                </c:pt>
                <c:pt idx="495">
                  <c:v>43985</c:v>
                </c:pt>
                <c:pt idx="496">
                  <c:v>43984</c:v>
                </c:pt>
                <c:pt idx="497">
                  <c:v>43983</c:v>
                </c:pt>
                <c:pt idx="498">
                  <c:v>43980</c:v>
                </c:pt>
                <c:pt idx="499">
                  <c:v>43979</c:v>
                </c:pt>
                <c:pt idx="500">
                  <c:v>43978</c:v>
                </c:pt>
                <c:pt idx="501">
                  <c:v>43977</c:v>
                </c:pt>
                <c:pt idx="502">
                  <c:v>43973</c:v>
                </c:pt>
                <c:pt idx="503">
                  <c:v>43972</c:v>
                </c:pt>
                <c:pt idx="504">
                  <c:v>43971</c:v>
                </c:pt>
                <c:pt idx="505">
                  <c:v>43970</c:v>
                </c:pt>
                <c:pt idx="506">
                  <c:v>43969</c:v>
                </c:pt>
                <c:pt idx="507">
                  <c:v>43966</c:v>
                </c:pt>
                <c:pt idx="508">
                  <c:v>43965</c:v>
                </c:pt>
                <c:pt idx="509">
                  <c:v>43964</c:v>
                </c:pt>
                <c:pt idx="510">
                  <c:v>43963</c:v>
                </c:pt>
                <c:pt idx="511">
                  <c:v>43962</c:v>
                </c:pt>
                <c:pt idx="512">
                  <c:v>43959</c:v>
                </c:pt>
                <c:pt idx="513">
                  <c:v>43958</c:v>
                </c:pt>
                <c:pt idx="514">
                  <c:v>43957</c:v>
                </c:pt>
                <c:pt idx="515">
                  <c:v>43956</c:v>
                </c:pt>
                <c:pt idx="516">
                  <c:v>43955</c:v>
                </c:pt>
                <c:pt idx="517">
                  <c:v>43952</c:v>
                </c:pt>
                <c:pt idx="518">
                  <c:v>43951</c:v>
                </c:pt>
                <c:pt idx="519">
                  <c:v>43950</c:v>
                </c:pt>
                <c:pt idx="520">
                  <c:v>43949</c:v>
                </c:pt>
                <c:pt idx="521">
                  <c:v>43948</c:v>
                </c:pt>
                <c:pt idx="522">
                  <c:v>43945</c:v>
                </c:pt>
                <c:pt idx="523">
                  <c:v>43944</c:v>
                </c:pt>
                <c:pt idx="524">
                  <c:v>43943</c:v>
                </c:pt>
                <c:pt idx="525">
                  <c:v>43942</c:v>
                </c:pt>
                <c:pt idx="526">
                  <c:v>43941</c:v>
                </c:pt>
                <c:pt idx="527">
                  <c:v>43938</c:v>
                </c:pt>
                <c:pt idx="528">
                  <c:v>43937</c:v>
                </c:pt>
                <c:pt idx="529">
                  <c:v>43936</c:v>
                </c:pt>
                <c:pt idx="530">
                  <c:v>43935</c:v>
                </c:pt>
                <c:pt idx="531">
                  <c:v>43934</c:v>
                </c:pt>
                <c:pt idx="532">
                  <c:v>43930</c:v>
                </c:pt>
                <c:pt idx="533">
                  <c:v>43929</c:v>
                </c:pt>
                <c:pt idx="534">
                  <c:v>43928</c:v>
                </c:pt>
                <c:pt idx="535">
                  <c:v>43927</c:v>
                </c:pt>
                <c:pt idx="536">
                  <c:v>43924</c:v>
                </c:pt>
                <c:pt idx="537">
                  <c:v>43923</c:v>
                </c:pt>
                <c:pt idx="538">
                  <c:v>43922</c:v>
                </c:pt>
                <c:pt idx="539">
                  <c:v>43921</c:v>
                </c:pt>
                <c:pt idx="540">
                  <c:v>43920</c:v>
                </c:pt>
                <c:pt idx="541">
                  <c:v>43917</c:v>
                </c:pt>
                <c:pt idx="542">
                  <c:v>43916</c:v>
                </c:pt>
                <c:pt idx="543">
                  <c:v>43915</c:v>
                </c:pt>
                <c:pt idx="544">
                  <c:v>43914</c:v>
                </c:pt>
                <c:pt idx="545">
                  <c:v>43913</c:v>
                </c:pt>
                <c:pt idx="546">
                  <c:v>43910</c:v>
                </c:pt>
                <c:pt idx="547">
                  <c:v>43909</c:v>
                </c:pt>
                <c:pt idx="548">
                  <c:v>43908</c:v>
                </c:pt>
                <c:pt idx="549">
                  <c:v>43907</c:v>
                </c:pt>
                <c:pt idx="550">
                  <c:v>43906</c:v>
                </c:pt>
                <c:pt idx="551">
                  <c:v>43903</c:v>
                </c:pt>
                <c:pt idx="552">
                  <c:v>43902</c:v>
                </c:pt>
                <c:pt idx="553">
                  <c:v>43901</c:v>
                </c:pt>
                <c:pt idx="554">
                  <c:v>43900</c:v>
                </c:pt>
                <c:pt idx="555">
                  <c:v>43899</c:v>
                </c:pt>
                <c:pt idx="556">
                  <c:v>43896</c:v>
                </c:pt>
                <c:pt idx="557">
                  <c:v>43895</c:v>
                </c:pt>
                <c:pt idx="558">
                  <c:v>43894</c:v>
                </c:pt>
                <c:pt idx="559">
                  <c:v>43893</c:v>
                </c:pt>
                <c:pt idx="560">
                  <c:v>43892</c:v>
                </c:pt>
                <c:pt idx="561">
                  <c:v>43889</c:v>
                </c:pt>
                <c:pt idx="562">
                  <c:v>43888</c:v>
                </c:pt>
                <c:pt idx="563">
                  <c:v>43887</c:v>
                </c:pt>
                <c:pt idx="564">
                  <c:v>43886</c:v>
                </c:pt>
                <c:pt idx="565">
                  <c:v>43885</c:v>
                </c:pt>
                <c:pt idx="566">
                  <c:v>43882</c:v>
                </c:pt>
                <c:pt idx="567">
                  <c:v>43881</c:v>
                </c:pt>
                <c:pt idx="568">
                  <c:v>43880</c:v>
                </c:pt>
                <c:pt idx="569">
                  <c:v>43879</c:v>
                </c:pt>
                <c:pt idx="570">
                  <c:v>43875</c:v>
                </c:pt>
                <c:pt idx="571">
                  <c:v>43874</c:v>
                </c:pt>
                <c:pt idx="572">
                  <c:v>43873</c:v>
                </c:pt>
                <c:pt idx="573">
                  <c:v>43872</c:v>
                </c:pt>
                <c:pt idx="574">
                  <c:v>43871</c:v>
                </c:pt>
                <c:pt idx="575">
                  <c:v>43868</c:v>
                </c:pt>
                <c:pt idx="576">
                  <c:v>43867</c:v>
                </c:pt>
                <c:pt idx="577">
                  <c:v>43866</c:v>
                </c:pt>
                <c:pt idx="578">
                  <c:v>43865</c:v>
                </c:pt>
                <c:pt idx="579">
                  <c:v>43864</c:v>
                </c:pt>
                <c:pt idx="580">
                  <c:v>43861</c:v>
                </c:pt>
                <c:pt idx="581">
                  <c:v>43860</c:v>
                </c:pt>
                <c:pt idx="582">
                  <c:v>43859</c:v>
                </c:pt>
                <c:pt idx="583">
                  <c:v>43858</c:v>
                </c:pt>
                <c:pt idx="584">
                  <c:v>43857</c:v>
                </c:pt>
                <c:pt idx="585">
                  <c:v>43854</c:v>
                </c:pt>
                <c:pt idx="586">
                  <c:v>43853</c:v>
                </c:pt>
                <c:pt idx="587">
                  <c:v>43852</c:v>
                </c:pt>
                <c:pt idx="588">
                  <c:v>43851</c:v>
                </c:pt>
                <c:pt idx="589">
                  <c:v>43847</c:v>
                </c:pt>
                <c:pt idx="590">
                  <c:v>43846</c:v>
                </c:pt>
                <c:pt idx="591">
                  <c:v>43845</c:v>
                </c:pt>
                <c:pt idx="592">
                  <c:v>43844</c:v>
                </c:pt>
                <c:pt idx="593">
                  <c:v>43843</c:v>
                </c:pt>
                <c:pt idx="594">
                  <c:v>43840</c:v>
                </c:pt>
                <c:pt idx="595">
                  <c:v>43839</c:v>
                </c:pt>
                <c:pt idx="596">
                  <c:v>43838</c:v>
                </c:pt>
                <c:pt idx="597">
                  <c:v>43837</c:v>
                </c:pt>
                <c:pt idx="598">
                  <c:v>43836</c:v>
                </c:pt>
                <c:pt idx="599">
                  <c:v>43833</c:v>
                </c:pt>
                <c:pt idx="600">
                  <c:v>43832</c:v>
                </c:pt>
                <c:pt idx="601">
                  <c:v>43830</c:v>
                </c:pt>
                <c:pt idx="602">
                  <c:v>43829</c:v>
                </c:pt>
                <c:pt idx="603">
                  <c:v>43826</c:v>
                </c:pt>
                <c:pt idx="604">
                  <c:v>43825</c:v>
                </c:pt>
                <c:pt idx="605">
                  <c:v>43823</c:v>
                </c:pt>
                <c:pt idx="606">
                  <c:v>43822</c:v>
                </c:pt>
                <c:pt idx="607">
                  <c:v>43819</c:v>
                </c:pt>
                <c:pt idx="608">
                  <c:v>43818</c:v>
                </c:pt>
                <c:pt idx="609">
                  <c:v>43817</c:v>
                </c:pt>
                <c:pt idx="610">
                  <c:v>43816</c:v>
                </c:pt>
                <c:pt idx="611">
                  <c:v>43815</c:v>
                </c:pt>
                <c:pt idx="612">
                  <c:v>43812</c:v>
                </c:pt>
                <c:pt idx="613">
                  <c:v>43811</c:v>
                </c:pt>
                <c:pt idx="614">
                  <c:v>43810</c:v>
                </c:pt>
                <c:pt idx="615">
                  <c:v>43809</c:v>
                </c:pt>
                <c:pt idx="616">
                  <c:v>43808</c:v>
                </c:pt>
                <c:pt idx="617">
                  <c:v>43805</c:v>
                </c:pt>
                <c:pt idx="618">
                  <c:v>43804</c:v>
                </c:pt>
                <c:pt idx="619">
                  <c:v>43803</c:v>
                </c:pt>
                <c:pt idx="620">
                  <c:v>43802</c:v>
                </c:pt>
                <c:pt idx="621">
                  <c:v>43801</c:v>
                </c:pt>
                <c:pt idx="622">
                  <c:v>43798</c:v>
                </c:pt>
                <c:pt idx="623">
                  <c:v>43796</c:v>
                </c:pt>
                <c:pt idx="624">
                  <c:v>43795</c:v>
                </c:pt>
                <c:pt idx="625">
                  <c:v>43794</c:v>
                </c:pt>
                <c:pt idx="626">
                  <c:v>43791</c:v>
                </c:pt>
                <c:pt idx="627">
                  <c:v>43790</c:v>
                </c:pt>
                <c:pt idx="628">
                  <c:v>43789</c:v>
                </c:pt>
                <c:pt idx="629">
                  <c:v>43788</c:v>
                </c:pt>
                <c:pt idx="630">
                  <c:v>43787</c:v>
                </c:pt>
                <c:pt idx="631">
                  <c:v>43784</c:v>
                </c:pt>
                <c:pt idx="632">
                  <c:v>43783</c:v>
                </c:pt>
                <c:pt idx="633">
                  <c:v>43782</c:v>
                </c:pt>
                <c:pt idx="634">
                  <c:v>43781</c:v>
                </c:pt>
                <c:pt idx="635">
                  <c:v>43777</c:v>
                </c:pt>
                <c:pt idx="636">
                  <c:v>43776</c:v>
                </c:pt>
                <c:pt idx="637">
                  <c:v>43775</c:v>
                </c:pt>
                <c:pt idx="638">
                  <c:v>43774</c:v>
                </c:pt>
                <c:pt idx="639">
                  <c:v>43773</c:v>
                </c:pt>
                <c:pt idx="640">
                  <c:v>43770</c:v>
                </c:pt>
                <c:pt idx="641">
                  <c:v>43769</c:v>
                </c:pt>
                <c:pt idx="642">
                  <c:v>43768</c:v>
                </c:pt>
                <c:pt idx="643">
                  <c:v>43767</c:v>
                </c:pt>
                <c:pt idx="644">
                  <c:v>43766</c:v>
                </c:pt>
                <c:pt idx="645">
                  <c:v>43763</c:v>
                </c:pt>
                <c:pt idx="646">
                  <c:v>43762</c:v>
                </c:pt>
                <c:pt idx="647">
                  <c:v>43761</c:v>
                </c:pt>
                <c:pt idx="648">
                  <c:v>43760</c:v>
                </c:pt>
                <c:pt idx="649">
                  <c:v>43759</c:v>
                </c:pt>
                <c:pt idx="650">
                  <c:v>43756</c:v>
                </c:pt>
                <c:pt idx="651">
                  <c:v>43755</c:v>
                </c:pt>
                <c:pt idx="652">
                  <c:v>43754</c:v>
                </c:pt>
                <c:pt idx="653">
                  <c:v>43753</c:v>
                </c:pt>
                <c:pt idx="654">
                  <c:v>43749</c:v>
                </c:pt>
                <c:pt idx="655">
                  <c:v>43748</c:v>
                </c:pt>
                <c:pt idx="656">
                  <c:v>43747</c:v>
                </c:pt>
                <c:pt idx="657">
                  <c:v>43746</c:v>
                </c:pt>
                <c:pt idx="658">
                  <c:v>43745</c:v>
                </c:pt>
                <c:pt idx="659">
                  <c:v>43742</c:v>
                </c:pt>
                <c:pt idx="660">
                  <c:v>43741</c:v>
                </c:pt>
                <c:pt idx="661">
                  <c:v>43740</c:v>
                </c:pt>
                <c:pt idx="662">
                  <c:v>43739</c:v>
                </c:pt>
                <c:pt idx="663">
                  <c:v>43738</c:v>
                </c:pt>
                <c:pt idx="664">
                  <c:v>43735</c:v>
                </c:pt>
                <c:pt idx="665">
                  <c:v>43734</c:v>
                </c:pt>
                <c:pt idx="666">
                  <c:v>43733</c:v>
                </c:pt>
                <c:pt idx="667">
                  <c:v>43732</c:v>
                </c:pt>
                <c:pt idx="668">
                  <c:v>43731</c:v>
                </c:pt>
                <c:pt idx="669">
                  <c:v>43728</c:v>
                </c:pt>
                <c:pt idx="670">
                  <c:v>43727</c:v>
                </c:pt>
                <c:pt idx="671">
                  <c:v>43726</c:v>
                </c:pt>
                <c:pt idx="672">
                  <c:v>43725</c:v>
                </c:pt>
                <c:pt idx="673">
                  <c:v>43724</c:v>
                </c:pt>
                <c:pt idx="674">
                  <c:v>43721</c:v>
                </c:pt>
                <c:pt idx="675">
                  <c:v>43720</c:v>
                </c:pt>
                <c:pt idx="676">
                  <c:v>43719</c:v>
                </c:pt>
                <c:pt idx="677">
                  <c:v>43718</c:v>
                </c:pt>
                <c:pt idx="678">
                  <c:v>43717</c:v>
                </c:pt>
                <c:pt idx="679">
                  <c:v>43714</c:v>
                </c:pt>
                <c:pt idx="680">
                  <c:v>43713</c:v>
                </c:pt>
                <c:pt idx="681">
                  <c:v>43712</c:v>
                </c:pt>
                <c:pt idx="682">
                  <c:v>43711</c:v>
                </c:pt>
                <c:pt idx="683">
                  <c:v>43707</c:v>
                </c:pt>
                <c:pt idx="684">
                  <c:v>43706</c:v>
                </c:pt>
                <c:pt idx="685">
                  <c:v>43705</c:v>
                </c:pt>
                <c:pt idx="686">
                  <c:v>43704</c:v>
                </c:pt>
                <c:pt idx="687">
                  <c:v>43703</c:v>
                </c:pt>
                <c:pt idx="688">
                  <c:v>43700</c:v>
                </c:pt>
                <c:pt idx="689">
                  <c:v>43699</c:v>
                </c:pt>
                <c:pt idx="690">
                  <c:v>43698</c:v>
                </c:pt>
                <c:pt idx="691">
                  <c:v>43697</c:v>
                </c:pt>
                <c:pt idx="692">
                  <c:v>43696</c:v>
                </c:pt>
                <c:pt idx="693">
                  <c:v>43693</c:v>
                </c:pt>
                <c:pt idx="694">
                  <c:v>43692</c:v>
                </c:pt>
                <c:pt idx="695">
                  <c:v>43691</c:v>
                </c:pt>
                <c:pt idx="696">
                  <c:v>43690</c:v>
                </c:pt>
                <c:pt idx="697">
                  <c:v>43689</c:v>
                </c:pt>
                <c:pt idx="698">
                  <c:v>43686</c:v>
                </c:pt>
                <c:pt idx="699">
                  <c:v>43685</c:v>
                </c:pt>
                <c:pt idx="700">
                  <c:v>43684</c:v>
                </c:pt>
                <c:pt idx="701">
                  <c:v>43683</c:v>
                </c:pt>
                <c:pt idx="702">
                  <c:v>43682</c:v>
                </c:pt>
                <c:pt idx="703">
                  <c:v>43679</c:v>
                </c:pt>
                <c:pt idx="704">
                  <c:v>43678</c:v>
                </c:pt>
                <c:pt idx="705">
                  <c:v>43677</c:v>
                </c:pt>
                <c:pt idx="706">
                  <c:v>43676</c:v>
                </c:pt>
                <c:pt idx="707">
                  <c:v>43675</c:v>
                </c:pt>
                <c:pt idx="708">
                  <c:v>43672</c:v>
                </c:pt>
                <c:pt idx="709">
                  <c:v>43671</c:v>
                </c:pt>
                <c:pt idx="710">
                  <c:v>43670</c:v>
                </c:pt>
                <c:pt idx="711">
                  <c:v>43669</c:v>
                </c:pt>
                <c:pt idx="712">
                  <c:v>43668</c:v>
                </c:pt>
                <c:pt idx="713">
                  <c:v>43665</c:v>
                </c:pt>
                <c:pt idx="714">
                  <c:v>43664</c:v>
                </c:pt>
                <c:pt idx="715">
                  <c:v>43663</c:v>
                </c:pt>
                <c:pt idx="716">
                  <c:v>43662</c:v>
                </c:pt>
                <c:pt idx="717">
                  <c:v>43661</c:v>
                </c:pt>
                <c:pt idx="718">
                  <c:v>43658</c:v>
                </c:pt>
                <c:pt idx="719">
                  <c:v>43657</c:v>
                </c:pt>
                <c:pt idx="720">
                  <c:v>43656</c:v>
                </c:pt>
                <c:pt idx="721">
                  <c:v>43655</c:v>
                </c:pt>
                <c:pt idx="722">
                  <c:v>43654</c:v>
                </c:pt>
                <c:pt idx="723">
                  <c:v>43651</c:v>
                </c:pt>
                <c:pt idx="724">
                  <c:v>43649</c:v>
                </c:pt>
                <c:pt idx="725">
                  <c:v>43648</c:v>
                </c:pt>
                <c:pt idx="726">
                  <c:v>43647</c:v>
                </c:pt>
                <c:pt idx="727">
                  <c:v>43644</c:v>
                </c:pt>
                <c:pt idx="728">
                  <c:v>43643</c:v>
                </c:pt>
                <c:pt idx="729">
                  <c:v>43642</c:v>
                </c:pt>
                <c:pt idx="730">
                  <c:v>43641</c:v>
                </c:pt>
                <c:pt idx="731">
                  <c:v>43640</c:v>
                </c:pt>
                <c:pt idx="732">
                  <c:v>43637</c:v>
                </c:pt>
                <c:pt idx="733">
                  <c:v>43636</c:v>
                </c:pt>
                <c:pt idx="734">
                  <c:v>43635</c:v>
                </c:pt>
                <c:pt idx="735">
                  <c:v>43634</c:v>
                </c:pt>
                <c:pt idx="736">
                  <c:v>43633</c:v>
                </c:pt>
                <c:pt idx="737">
                  <c:v>43630</c:v>
                </c:pt>
                <c:pt idx="738">
                  <c:v>43629</c:v>
                </c:pt>
                <c:pt idx="739">
                  <c:v>43628</c:v>
                </c:pt>
                <c:pt idx="740">
                  <c:v>43627</c:v>
                </c:pt>
                <c:pt idx="741">
                  <c:v>43626</c:v>
                </c:pt>
                <c:pt idx="742">
                  <c:v>43623</c:v>
                </c:pt>
                <c:pt idx="743">
                  <c:v>43622</c:v>
                </c:pt>
                <c:pt idx="744">
                  <c:v>43621</c:v>
                </c:pt>
                <c:pt idx="745">
                  <c:v>43620</c:v>
                </c:pt>
                <c:pt idx="746">
                  <c:v>43619</c:v>
                </c:pt>
                <c:pt idx="747">
                  <c:v>43616</c:v>
                </c:pt>
                <c:pt idx="748">
                  <c:v>43615</c:v>
                </c:pt>
                <c:pt idx="749">
                  <c:v>43614</c:v>
                </c:pt>
                <c:pt idx="750">
                  <c:v>43613</c:v>
                </c:pt>
                <c:pt idx="751">
                  <c:v>43609</c:v>
                </c:pt>
                <c:pt idx="752">
                  <c:v>43608</c:v>
                </c:pt>
                <c:pt idx="753">
                  <c:v>43607</c:v>
                </c:pt>
                <c:pt idx="754">
                  <c:v>43606</c:v>
                </c:pt>
                <c:pt idx="755">
                  <c:v>43605</c:v>
                </c:pt>
                <c:pt idx="756">
                  <c:v>43602</c:v>
                </c:pt>
                <c:pt idx="757">
                  <c:v>43601</c:v>
                </c:pt>
                <c:pt idx="758">
                  <c:v>43600</c:v>
                </c:pt>
                <c:pt idx="759">
                  <c:v>43599</c:v>
                </c:pt>
                <c:pt idx="760">
                  <c:v>43598</c:v>
                </c:pt>
                <c:pt idx="761">
                  <c:v>43595</c:v>
                </c:pt>
                <c:pt idx="762">
                  <c:v>43594</c:v>
                </c:pt>
                <c:pt idx="763">
                  <c:v>43593</c:v>
                </c:pt>
                <c:pt idx="764">
                  <c:v>43592</c:v>
                </c:pt>
                <c:pt idx="765">
                  <c:v>43591</c:v>
                </c:pt>
                <c:pt idx="766">
                  <c:v>43588</c:v>
                </c:pt>
                <c:pt idx="767">
                  <c:v>43587</c:v>
                </c:pt>
                <c:pt idx="768">
                  <c:v>43586</c:v>
                </c:pt>
                <c:pt idx="769">
                  <c:v>43585</c:v>
                </c:pt>
                <c:pt idx="770">
                  <c:v>43584</c:v>
                </c:pt>
                <c:pt idx="771">
                  <c:v>43581</c:v>
                </c:pt>
                <c:pt idx="772">
                  <c:v>43580</c:v>
                </c:pt>
                <c:pt idx="773">
                  <c:v>43579</c:v>
                </c:pt>
                <c:pt idx="774">
                  <c:v>43578</c:v>
                </c:pt>
                <c:pt idx="775">
                  <c:v>43577</c:v>
                </c:pt>
                <c:pt idx="776">
                  <c:v>43573</c:v>
                </c:pt>
                <c:pt idx="777">
                  <c:v>43572</c:v>
                </c:pt>
                <c:pt idx="778">
                  <c:v>43571</c:v>
                </c:pt>
                <c:pt idx="779">
                  <c:v>43570</c:v>
                </c:pt>
                <c:pt idx="780">
                  <c:v>43567</c:v>
                </c:pt>
                <c:pt idx="781">
                  <c:v>43566</c:v>
                </c:pt>
                <c:pt idx="782">
                  <c:v>43565</c:v>
                </c:pt>
                <c:pt idx="783">
                  <c:v>43564</c:v>
                </c:pt>
                <c:pt idx="784">
                  <c:v>43563</c:v>
                </c:pt>
                <c:pt idx="785">
                  <c:v>43560</c:v>
                </c:pt>
                <c:pt idx="786">
                  <c:v>43559</c:v>
                </c:pt>
                <c:pt idx="787">
                  <c:v>43558</c:v>
                </c:pt>
                <c:pt idx="788">
                  <c:v>43557</c:v>
                </c:pt>
                <c:pt idx="789">
                  <c:v>43556</c:v>
                </c:pt>
                <c:pt idx="790">
                  <c:v>43553</c:v>
                </c:pt>
                <c:pt idx="791">
                  <c:v>43552</c:v>
                </c:pt>
                <c:pt idx="792">
                  <c:v>43551</c:v>
                </c:pt>
                <c:pt idx="793">
                  <c:v>43550</c:v>
                </c:pt>
                <c:pt idx="794">
                  <c:v>43549</c:v>
                </c:pt>
                <c:pt idx="795">
                  <c:v>43546</c:v>
                </c:pt>
                <c:pt idx="796">
                  <c:v>43545</c:v>
                </c:pt>
                <c:pt idx="797">
                  <c:v>43544</c:v>
                </c:pt>
                <c:pt idx="798">
                  <c:v>43543</c:v>
                </c:pt>
                <c:pt idx="799">
                  <c:v>43542</c:v>
                </c:pt>
                <c:pt idx="800">
                  <c:v>43539</c:v>
                </c:pt>
                <c:pt idx="801">
                  <c:v>43538</c:v>
                </c:pt>
                <c:pt idx="802">
                  <c:v>43537</c:v>
                </c:pt>
                <c:pt idx="803">
                  <c:v>43536</c:v>
                </c:pt>
                <c:pt idx="804">
                  <c:v>43535</c:v>
                </c:pt>
                <c:pt idx="805">
                  <c:v>43532</c:v>
                </c:pt>
                <c:pt idx="806">
                  <c:v>43531</c:v>
                </c:pt>
                <c:pt idx="807">
                  <c:v>43530</c:v>
                </c:pt>
                <c:pt idx="808">
                  <c:v>43529</c:v>
                </c:pt>
                <c:pt idx="809">
                  <c:v>43528</c:v>
                </c:pt>
                <c:pt idx="810">
                  <c:v>43525</c:v>
                </c:pt>
                <c:pt idx="811">
                  <c:v>43524</c:v>
                </c:pt>
                <c:pt idx="812">
                  <c:v>43523</c:v>
                </c:pt>
                <c:pt idx="813">
                  <c:v>43522</c:v>
                </c:pt>
                <c:pt idx="814">
                  <c:v>43521</c:v>
                </c:pt>
                <c:pt idx="815">
                  <c:v>43518</c:v>
                </c:pt>
                <c:pt idx="816">
                  <c:v>43517</c:v>
                </c:pt>
                <c:pt idx="817">
                  <c:v>43516</c:v>
                </c:pt>
                <c:pt idx="818">
                  <c:v>43515</c:v>
                </c:pt>
                <c:pt idx="819">
                  <c:v>43511</c:v>
                </c:pt>
                <c:pt idx="820">
                  <c:v>43510</c:v>
                </c:pt>
                <c:pt idx="821">
                  <c:v>43509</c:v>
                </c:pt>
                <c:pt idx="822">
                  <c:v>43508</c:v>
                </c:pt>
                <c:pt idx="823">
                  <c:v>43507</c:v>
                </c:pt>
                <c:pt idx="824">
                  <c:v>43504</c:v>
                </c:pt>
                <c:pt idx="825">
                  <c:v>43503</c:v>
                </c:pt>
                <c:pt idx="826">
                  <c:v>43502</c:v>
                </c:pt>
                <c:pt idx="827">
                  <c:v>43501</c:v>
                </c:pt>
                <c:pt idx="828">
                  <c:v>43500</c:v>
                </c:pt>
                <c:pt idx="829">
                  <c:v>43497</c:v>
                </c:pt>
                <c:pt idx="830">
                  <c:v>43496</c:v>
                </c:pt>
                <c:pt idx="831">
                  <c:v>43495</c:v>
                </c:pt>
                <c:pt idx="832">
                  <c:v>43494</c:v>
                </c:pt>
                <c:pt idx="833">
                  <c:v>43493</c:v>
                </c:pt>
                <c:pt idx="834">
                  <c:v>43490</c:v>
                </c:pt>
                <c:pt idx="835">
                  <c:v>43489</c:v>
                </c:pt>
                <c:pt idx="836">
                  <c:v>43488</c:v>
                </c:pt>
                <c:pt idx="837">
                  <c:v>43487</c:v>
                </c:pt>
                <c:pt idx="838">
                  <c:v>43483</c:v>
                </c:pt>
                <c:pt idx="839">
                  <c:v>43482</c:v>
                </c:pt>
                <c:pt idx="840">
                  <c:v>43481</c:v>
                </c:pt>
                <c:pt idx="841">
                  <c:v>43480</c:v>
                </c:pt>
                <c:pt idx="842">
                  <c:v>43479</c:v>
                </c:pt>
                <c:pt idx="843">
                  <c:v>43476</c:v>
                </c:pt>
                <c:pt idx="844">
                  <c:v>43475</c:v>
                </c:pt>
                <c:pt idx="845">
                  <c:v>43474</c:v>
                </c:pt>
                <c:pt idx="846">
                  <c:v>43473</c:v>
                </c:pt>
                <c:pt idx="847">
                  <c:v>43472</c:v>
                </c:pt>
                <c:pt idx="848">
                  <c:v>43469</c:v>
                </c:pt>
                <c:pt idx="849">
                  <c:v>43468</c:v>
                </c:pt>
                <c:pt idx="850">
                  <c:v>43467</c:v>
                </c:pt>
                <c:pt idx="851">
                  <c:v>43465</c:v>
                </c:pt>
                <c:pt idx="852">
                  <c:v>43462</c:v>
                </c:pt>
                <c:pt idx="853">
                  <c:v>43461</c:v>
                </c:pt>
                <c:pt idx="854">
                  <c:v>43460</c:v>
                </c:pt>
                <c:pt idx="855">
                  <c:v>43458</c:v>
                </c:pt>
                <c:pt idx="856">
                  <c:v>43455</c:v>
                </c:pt>
                <c:pt idx="857">
                  <c:v>43454</c:v>
                </c:pt>
                <c:pt idx="858">
                  <c:v>43453</c:v>
                </c:pt>
                <c:pt idx="859">
                  <c:v>43452</c:v>
                </c:pt>
                <c:pt idx="860">
                  <c:v>43451</c:v>
                </c:pt>
                <c:pt idx="861">
                  <c:v>43448</c:v>
                </c:pt>
                <c:pt idx="862">
                  <c:v>43447</c:v>
                </c:pt>
                <c:pt idx="863">
                  <c:v>43446</c:v>
                </c:pt>
                <c:pt idx="864">
                  <c:v>43445</c:v>
                </c:pt>
                <c:pt idx="865">
                  <c:v>43444</c:v>
                </c:pt>
                <c:pt idx="866">
                  <c:v>43441</c:v>
                </c:pt>
                <c:pt idx="867">
                  <c:v>43440</c:v>
                </c:pt>
                <c:pt idx="868">
                  <c:v>43439</c:v>
                </c:pt>
                <c:pt idx="869">
                  <c:v>43438</c:v>
                </c:pt>
                <c:pt idx="870">
                  <c:v>43437</c:v>
                </c:pt>
                <c:pt idx="871">
                  <c:v>43434</c:v>
                </c:pt>
                <c:pt idx="872">
                  <c:v>43433</c:v>
                </c:pt>
                <c:pt idx="873">
                  <c:v>43432</c:v>
                </c:pt>
                <c:pt idx="874">
                  <c:v>43431</c:v>
                </c:pt>
                <c:pt idx="875">
                  <c:v>43430</c:v>
                </c:pt>
                <c:pt idx="876">
                  <c:v>43427</c:v>
                </c:pt>
                <c:pt idx="877">
                  <c:v>43425</c:v>
                </c:pt>
                <c:pt idx="878">
                  <c:v>43424</c:v>
                </c:pt>
                <c:pt idx="879">
                  <c:v>43423</c:v>
                </c:pt>
                <c:pt idx="880">
                  <c:v>43420</c:v>
                </c:pt>
                <c:pt idx="881">
                  <c:v>43419</c:v>
                </c:pt>
                <c:pt idx="882">
                  <c:v>43418</c:v>
                </c:pt>
                <c:pt idx="883">
                  <c:v>43417</c:v>
                </c:pt>
                <c:pt idx="884">
                  <c:v>43413</c:v>
                </c:pt>
                <c:pt idx="885">
                  <c:v>43412</c:v>
                </c:pt>
                <c:pt idx="886">
                  <c:v>43411</c:v>
                </c:pt>
                <c:pt idx="887">
                  <c:v>43410</c:v>
                </c:pt>
                <c:pt idx="888">
                  <c:v>43409</c:v>
                </c:pt>
                <c:pt idx="889">
                  <c:v>43406</c:v>
                </c:pt>
                <c:pt idx="890">
                  <c:v>43405</c:v>
                </c:pt>
                <c:pt idx="891">
                  <c:v>43404</c:v>
                </c:pt>
                <c:pt idx="892">
                  <c:v>43403</c:v>
                </c:pt>
                <c:pt idx="893">
                  <c:v>43402</c:v>
                </c:pt>
                <c:pt idx="894">
                  <c:v>43399</c:v>
                </c:pt>
                <c:pt idx="895">
                  <c:v>43398</c:v>
                </c:pt>
                <c:pt idx="896">
                  <c:v>43397</c:v>
                </c:pt>
                <c:pt idx="897">
                  <c:v>43396</c:v>
                </c:pt>
                <c:pt idx="898">
                  <c:v>43395</c:v>
                </c:pt>
                <c:pt idx="899">
                  <c:v>43392</c:v>
                </c:pt>
                <c:pt idx="900">
                  <c:v>43391</c:v>
                </c:pt>
                <c:pt idx="901">
                  <c:v>43390</c:v>
                </c:pt>
                <c:pt idx="902">
                  <c:v>43389</c:v>
                </c:pt>
                <c:pt idx="903">
                  <c:v>43388</c:v>
                </c:pt>
                <c:pt idx="904">
                  <c:v>43385</c:v>
                </c:pt>
                <c:pt idx="905">
                  <c:v>43384</c:v>
                </c:pt>
                <c:pt idx="906">
                  <c:v>43383</c:v>
                </c:pt>
                <c:pt idx="907">
                  <c:v>43382</c:v>
                </c:pt>
                <c:pt idx="908">
                  <c:v>43378</c:v>
                </c:pt>
                <c:pt idx="909">
                  <c:v>43377</c:v>
                </c:pt>
                <c:pt idx="910">
                  <c:v>43376</c:v>
                </c:pt>
                <c:pt idx="911">
                  <c:v>43375</c:v>
                </c:pt>
                <c:pt idx="912">
                  <c:v>43374</c:v>
                </c:pt>
                <c:pt idx="913">
                  <c:v>43371</c:v>
                </c:pt>
                <c:pt idx="914">
                  <c:v>43370</c:v>
                </c:pt>
                <c:pt idx="915">
                  <c:v>43369</c:v>
                </c:pt>
                <c:pt idx="916">
                  <c:v>43368</c:v>
                </c:pt>
                <c:pt idx="917">
                  <c:v>43367</c:v>
                </c:pt>
                <c:pt idx="918">
                  <c:v>43364</c:v>
                </c:pt>
                <c:pt idx="919">
                  <c:v>43363</c:v>
                </c:pt>
                <c:pt idx="920">
                  <c:v>43362</c:v>
                </c:pt>
                <c:pt idx="921">
                  <c:v>43361</c:v>
                </c:pt>
                <c:pt idx="922">
                  <c:v>43360</c:v>
                </c:pt>
                <c:pt idx="923">
                  <c:v>43357</c:v>
                </c:pt>
                <c:pt idx="924">
                  <c:v>43356</c:v>
                </c:pt>
                <c:pt idx="925">
                  <c:v>43355</c:v>
                </c:pt>
                <c:pt idx="926">
                  <c:v>43354</c:v>
                </c:pt>
                <c:pt idx="927">
                  <c:v>43353</c:v>
                </c:pt>
                <c:pt idx="928">
                  <c:v>43350</c:v>
                </c:pt>
                <c:pt idx="929">
                  <c:v>43349</c:v>
                </c:pt>
                <c:pt idx="930">
                  <c:v>43348</c:v>
                </c:pt>
                <c:pt idx="931">
                  <c:v>43347</c:v>
                </c:pt>
                <c:pt idx="932">
                  <c:v>43343</c:v>
                </c:pt>
                <c:pt idx="933">
                  <c:v>43342</c:v>
                </c:pt>
                <c:pt idx="934">
                  <c:v>43341</c:v>
                </c:pt>
                <c:pt idx="935">
                  <c:v>43340</c:v>
                </c:pt>
                <c:pt idx="936">
                  <c:v>43339</c:v>
                </c:pt>
                <c:pt idx="937">
                  <c:v>43336</c:v>
                </c:pt>
                <c:pt idx="938">
                  <c:v>43335</c:v>
                </c:pt>
                <c:pt idx="939">
                  <c:v>43334</c:v>
                </c:pt>
                <c:pt idx="940">
                  <c:v>43333</c:v>
                </c:pt>
                <c:pt idx="941">
                  <c:v>43332</c:v>
                </c:pt>
                <c:pt idx="942">
                  <c:v>43329</c:v>
                </c:pt>
                <c:pt idx="943">
                  <c:v>43328</c:v>
                </c:pt>
                <c:pt idx="944">
                  <c:v>43327</c:v>
                </c:pt>
                <c:pt idx="945">
                  <c:v>43326</c:v>
                </c:pt>
                <c:pt idx="946">
                  <c:v>43325</c:v>
                </c:pt>
                <c:pt idx="947">
                  <c:v>43322</c:v>
                </c:pt>
                <c:pt idx="948">
                  <c:v>43321</c:v>
                </c:pt>
                <c:pt idx="949">
                  <c:v>43320</c:v>
                </c:pt>
                <c:pt idx="950">
                  <c:v>43319</c:v>
                </c:pt>
                <c:pt idx="951">
                  <c:v>43318</c:v>
                </c:pt>
                <c:pt idx="952">
                  <c:v>43315</c:v>
                </c:pt>
                <c:pt idx="953">
                  <c:v>43314</c:v>
                </c:pt>
                <c:pt idx="954">
                  <c:v>43313</c:v>
                </c:pt>
                <c:pt idx="955">
                  <c:v>43312</c:v>
                </c:pt>
                <c:pt idx="956">
                  <c:v>43311</c:v>
                </c:pt>
                <c:pt idx="957">
                  <c:v>43308</c:v>
                </c:pt>
                <c:pt idx="958">
                  <c:v>43307</c:v>
                </c:pt>
                <c:pt idx="959">
                  <c:v>43306</c:v>
                </c:pt>
                <c:pt idx="960">
                  <c:v>43305</c:v>
                </c:pt>
                <c:pt idx="961">
                  <c:v>43304</c:v>
                </c:pt>
                <c:pt idx="962">
                  <c:v>43301</c:v>
                </c:pt>
                <c:pt idx="963">
                  <c:v>43300</c:v>
                </c:pt>
                <c:pt idx="964">
                  <c:v>43299</c:v>
                </c:pt>
                <c:pt idx="965">
                  <c:v>43298</c:v>
                </c:pt>
                <c:pt idx="966">
                  <c:v>43297</c:v>
                </c:pt>
                <c:pt idx="967">
                  <c:v>43294</c:v>
                </c:pt>
                <c:pt idx="968">
                  <c:v>43293</c:v>
                </c:pt>
                <c:pt idx="969">
                  <c:v>43292</c:v>
                </c:pt>
                <c:pt idx="970">
                  <c:v>43291</c:v>
                </c:pt>
                <c:pt idx="971">
                  <c:v>43290</c:v>
                </c:pt>
                <c:pt idx="972">
                  <c:v>43287</c:v>
                </c:pt>
                <c:pt idx="973">
                  <c:v>43286</c:v>
                </c:pt>
                <c:pt idx="974">
                  <c:v>43284</c:v>
                </c:pt>
                <c:pt idx="975">
                  <c:v>43283</c:v>
                </c:pt>
                <c:pt idx="976">
                  <c:v>43280</c:v>
                </c:pt>
                <c:pt idx="977">
                  <c:v>43279</c:v>
                </c:pt>
                <c:pt idx="978">
                  <c:v>43278</c:v>
                </c:pt>
                <c:pt idx="979">
                  <c:v>43277</c:v>
                </c:pt>
                <c:pt idx="980">
                  <c:v>43276</c:v>
                </c:pt>
                <c:pt idx="981">
                  <c:v>43273</c:v>
                </c:pt>
                <c:pt idx="982">
                  <c:v>43272</c:v>
                </c:pt>
                <c:pt idx="983">
                  <c:v>43271</c:v>
                </c:pt>
                <c:pt idx="984">
                  <c:v>43270</c:v>
                </c:pt>
                <c:pt idx="985">
                  <c:v>43269</c:v>
                </c:pt>
                <c:pt idx="986">
                  <c:v>43266</c:v>
                </c:pt>
                <c:pt idx="987">
                  <c:v>43265</c:v>
                </c:pt>
                <c:pt idx="988">
                  <c:v>43264</c:v>
                </c:pt>
                <c:pt idx="989">
                  <c:v>43263</c:v>
                </c:pt>
                <c:pt idx="990">
                  <c:v>43262</c:v>
                </c:pt>
                <c:pt idx="991">
                  <c:v>43259</c:v>
                </c:pt>
                <c:pt idx="992">
                  <c:v>43258</c:v>
                </c:pt>
                <c:pt idx="993">
                  <c:v>43257</c:v>
                </c:pt>
                <c:pt idx="994">
                  <c:v>43256</c:v>
                </c:pt>
                <c:pt idx="995">
                  <c:v>43255</c:v>
                </c:pt>
                <c:pt idx="996">
                  <c:v>43252</c:v>
                </c:pt>
                <c:pt idx="997">
                  <c:v>43251</c:v>
                </c:pt>
                <c:pt idx="998">
                  <c:v>43250</c:v>
                </c:pt>
                <c:pt idx="999">
                  <c:v>43249</c:v>
                </c:pt>
                <c:pt idx="1000">
                  <c:v>43245</c:v>
                </c:pt>
                <c:pt idx="1001">
                  <c:v>43244</c:v>
                </c:pt>
                <c:pt idx="1002">
                  <c:v>43243</c:v>
                </c:pt>
                <c:pt idx="1003">
                  <c:v>43242</c:v>
                </c:pt>
                <c:pt idx="1004">
                  <c:v>43241</c:v>
                </c:pt>
                <c:pt idx="1005">
                  <c:v>43238</c:v>
                </c:pt>
                <c:pt idx="1006">
                  <c:v>43237</c:v>
                </c:pt>
                <c:pt idx="1007">
                  <c:v>43236</c:v>
                </c:pt>
                <c:pt idx="1008">
                  <c:v>43235</c:v>
                </c:pt>
                <c:pt idx="1009">
                  <c:v>43234</c:v>
                </c:pt>
                <c:pt idx="1010">
                  <c:v>43231</c:v>
                </c:pt>
                <c:pt idx="1011">
                  <c:v>43230</c:v>
                </c:pt>
                <c:pt idx="1012">
                  <c:v>43229</c:v>
                </c:pt>
                <c:pt idx="1013">
                  <c:v>43228</c:v>
                </c:pt>
                <c:pt idx="1014">
                  <c:v>43227</c:v>
                </c:pt>
                <c:pt idx="1015">
                  <c:v>43224</c:v>
                </c:pt>
                <c:pt idx="1016">
                  <c:v>43223</c:v>
                </c:pt>
                <c:pt idx="1017">
                  <c:v>43222</c:v>
                </c:pt>
                <c:pt idx="1018">
                  <c:v>43221</c:v>
                </c:pt>
                <c:pt idx="1019">
                  <c:v>43220</c:v>
                </c:pt>
                <c:pt idx="1020">
                  <c:v>43217</c:v>
                </c:pt>
                <c:pt idx="1021">
                  <c:v>43216</c:v>
                </c:pt>
                <c:pt idx="1022">
                  <c:v>43215</c:v>
                </c:pt>
                <c:pt idx="1023">
                  <c:v>43214</c:v>
                </c:pt>
                <c:pt idx="1024">
                  <c:v>43213</c:v>
                </c:pt>
                <c:pt idx="1025">
                  <c:v>43210</c:v>
                </c:pt>
                <c:pt idx="1026">
                  <c:v>43209</c:v>
                </c:pt>
                <c:pt idx="1027">
                  <c:v>43208</c:v>
                </c:pt>
                <c:pt idx="1028">
                  <c:v>43207</c:v>
                </c:pt>
                <c:pt idx="1029">
                  <c:v>43206</c:v>
                </c:pt>
                <c:pt idx="1030">
                  <c:v>43203</c:v>
                </c:pt>
                <c:pt idx="1031">
                  <c:v>43202</c:v>
                </c:pt>
                <c:pt idx="1032">
                  <c:v>43201</c:v>
                </c:pt>
                <c:pt idx="1033">
                  <c:v>43200</c:v>
                </c:pt>
                <c:pt idx="1034">
                  <c:v>43199</c:v>
                </c:pt>
                <c:pt idx="1035">
                  <c:v>43196</c:v>
                </c:pt>
                <c:pt idx="1036">
                  <c:v>43195</c:v>
                </c:pt>
                <c:pt idx="1037">
                  <c:v>43194</c:v>
                </c:pt>
                <c:pt idx="1038">
                  <c:v>43193</c:v>
                </c:pt>
                <c:pt idx="1039">
                  <c:v>43192</c:v>
                </c:pt>
                <c:pt idx="1040">
                  <c:v>43188</c:v>
                </c:pt>
                <c:pt idx="1041">
                  <c:v>43187</c:v>
                </c:pt>
                <c:pt idx="1042">
                  <c:v>43186</c:v>
                </c:pt>
                <c:pt idx="1043">
                  <c:v>43185</c:v>
                </c:pt>
                <c:pt idx="1044">
                  <c:v>43182</c:v>
                </c:pt>
                <c:pt idx="1045">
                  <c:v>43181</c:v>
                </c:pt>
                <c:pt idx="1046">
                  <c:v>43180</c:v>
                </c:pt>
                <c:pt idx="1047">
                  <c:v>43179</c:v>
                </c:pt>
                <c:pt idx="1048">
                  <c:v>43178</c:v>
                </c:pt>
                <c:pt idx="1049">
                  <c:v>43175</c:v>
                </c:pt>
                <c:pt idx="1050">
                  <c:v>43174</c:v>
                </c:pt>
                <c:pt idx="1051">
                  <c:v>43173</c:v>
                </c:pt>
                <c:pt idx="1052">
                  <c:v>43172</c:v>
                </c:pt>
                <c:pt idx="1053">
                  <c:v>43171</c:v>
                </c:pt>
                <c:pt idx="1054">
                  <c:v>43168</c:v>
                </c:pt>
                <c:pt idx="1055">
                  <c:v>43167</c:v>
                </c:pt>
                <c:pt idx="1056">
                  <c:v>43166</c:v>
                </c:pt>
                <c:pt idx="1057">
                  <c:v>43165</c:v>
                </c:pt>
                <c:pt idx="1058">
                  <c:v>43164</c:v>
                </c:pt>
                <c:pt idx="1059">
                  <c:v>43161</c:v>
                </c:pt>
                <c:pt idx="1060">
                  <c:v>43160</c:v>
                </c:pt>
                <c:pt idx="1061">
                  <c:v>43159</c:v>
                </c:pt>
                <c:pt idx="1062">
                  <c:v>43158</c:v>
                </c:pt>
                <c:pt idx="1063">
                  <c:v>43157</c:v>
                </c:pt>
                <c:pt idx="1064">
                  <c:v>43154</c:v>
                </c:pt>
                <c:pt idx="1065">
                  <c:v>43153</c:v>
                </c:pt>
                <c:pt idx="1066">
                  <c:v>43152</c:v>
                </c:pt>
                <c:pt idx="1067">
                  <c:v>43151</c:v>
                </c:pt>
                <c:pt idx="1068">
                  <c:v>43147</c:v>
                </c:pt>
                <c:pt idx="1069">
                  <c:v>43146</c:v>
                </c:pt>
                <c:pt idx="1070">
                  <c:v>43145</c:v>
                </c:pt>
                <c:pt idx="1071">
                  <c:v>43144</c:v>
                </c:pt>
                <c:pt idx="1072">
                  <c:v>43143</c:v>
                </c:pt>
                <c:pt idx="1073">
                  <c:v>43140</c:v>
                </c:pt>
                <c:pt idx="1074">
                  <c:v>43139</c:v>
                </c:pt>
                <c:pt idx="1075">
                  <c:v>43138</c:v>
                </c:pt>
                <c:pt idx="1076">
                  <c:v>43137</c:v>
                </c:pt>
                <c:pt idx="1077">
                  <c:v>43136</c:v>
                </c:pt>
                <c:pt idx="1078">
                  <c:v>43133</c:v>
                </c:pt>
                <c:pt idx="1079">
                  <c:v>43132</c:v>
                </c:pt>
                <c:pt idx="1080">
                  <c:v>43131</c:v>
                </c:pt>
                <c:pt idx="1081">
                  <c:v>43130</c:v>
                </c:pt>
                <c:pt idx="1082">
                  <c:v>43129</c:v>
                </c:pt>
                <c:pt idx="1083">
                  <c:v>43126</c:v>
                </c:pt>
                <c:pt idx="1084">
                  <c:v>43125</c:v>
                </c:pt>
                <c:pt idx="1085">
                  <c:v>43124</c:v>
                </c:pt>
                <c:pt idx="1086">
                  <c:v>43123</c:v>
                </c:pt>
                <c:pt idx="1087">
                  <c:v>43122</c:v>
                </c:pt>
                <c:pt idx="1088">
                  <c:v>43119</c:v>
                </c:pt>
                <c:pt idx="1089">
                  <c:v>43118</c:v>
                </c:pt>
                <c:pt idx="1090">
                  <c:v>43117</c:v>
                </c:pt>
                <c:pt idx="1091">
                  <c:v>43116</c:v>
                </c:pt>
                <c:pt idx="1092">
                  <c:v>43112</c:v>
                </c:pt>
                <c:pt idx="1093">
                  <c:v>43111</c:v>
                </c:pt>
                <c:pt idx="1094">
                  <c:v>43110</c:v>
                </c:pt>
                <c:pt idx="1095">
                  <c:v>43109</c:v>
                </c:pt>
                <c:pt idx="1096">
                  <c:v>43108</c:v>
                </c:pt>
                <c:pt idx="1097">
                  <c:v>43105</c:v>
                </c:pt>
                <c:pt idx="1098">
                  <c:v>43104</c:v>
                </c:pt>
                <c:pt idx="1099">
                  <c:v>43103</c:v>
                </c:pt>
                <c:pt idx="1100">
                  <c:v>43102</c:v>
                </c:pt>
                <c:pt idx="1101">
                  <c:v>43098</c:v>
                </c:pt>
                <c:pt idx="1102">
                  <c:v>43097</c:v>
                </c:pt>
                <c:pt idx="1103">
                  <c:v>43096</c:v>
                </c:pt>
                <c:pt idx="1104">
                  <c:v>43095</c:v>
                </c:pt>
                <c:pt idx="1105">
                  <c:v>43091</c:v>
                </c:pt>
                <c:pt idx="1106">
                  <c:v>43090</c:v>
                </c:pt>
                <c:pt idx="1107">
                  <c:v>43089</c:v>
                </c:pt>
                <c:pt idx="1108">
                  <c:v>43088</c:v>
                </c:pt>
                <c:pt idx="1109">
                  <c:v>43087</c:v>
                </c:pt>
                <c:pt idx="1110">
                  <c:v>43084</c:v>
                </c:pt>
                <c:pt idx="1111">
                  <c:v>43083</c:v>
                </c:pt>
                <c:pt idx="1112">
                  <c:v>43082</c:v>
                </c:pt>
                <c:pt idx="1113">
                  <c:v>43081</c:v>
                </c:pt>
                <c:pt idx="1114">
                  <c:v>43080</c:v>
                </c:pt>
                <c:pt idx="1115">
                  <c:v>43077</c:v>
                </c:pt>
                <c:pt idx="1116">
                  <c:v>43076</c:v>
                </c:pt>
                <c:pt idx="1117">
                  <c:v>43075</c:v>
                </c:pt>
                <c:pt idx="1118">
                  <c:v>43074</c:v>
                </c:pt>
                <c:pt idx="1119">
                  <c:v>43073</c:v>
                </c:pt>
                <c:pt idx="1120">
                  <c:v>43070</c:v>
                </c:pt>
                <c:pt idx="1121">
                  <c:v>43069</c:v>
                </c:pt>
                <c:pt idx="1122">
                  <c:v>43068</c:v>
                </c:pt>
                <c:pt idx="1123">
                  <c:v>43067</c:v>
                </c:pt>
                <c:pt idx="1124">
                  <c:v>43066</c:v>
                </c:pt>
                <c:pt idx="1125">
                  <c:v>43063</c:v>
                </c:pt>
                <c:pt idx="1126">
                  <c:v>43061</c:v>
                </c:pt>
                <c:pt idx="1127">
                  <c:v>43060</c:v>
                </c:pt>
                <c:pt idx="1128">
                  <c:v>43059</c:v>
                </c:pt>
                <c:pt idx="1129">
                  <c:v>43056</c:v>
                </c:pt>
                <c:pt idx="1130">
                  <c:v>43055</c:v>
                </c:pt>
                <c:pt idx="1131">
                  <c:v>43054</c:v>
                </c:pt>
                <c:pt idx="1132">
                  <c:v>43053</c:v>
                </c:pt>
                <c:pt idx="1133">
                  <c:v>43052</c:v>
                </c:pt>
                <c:pt idx="1134">
                  <c:v>43049</c:v>
                </c:pt>
                <c:pt idx="1135">
                  <c:v>43048</c:v>
                </c:pt>
                <c:pt idx="1136">
                  <c:v>43047</c:v>
                </c:pt>
                <c:pt idx="1137">
                  <c:v>43046</c:v>
                </c:pt>
                <c:pt idx="1138">
                  <c:v>43045</c:v>
                </c:pt>
                <c:pt idx="1139">
                  <c:v>43042</c:v>
                </c:pt>
                <c:pt idx="1140">
                  <c:v>43041</c:v>
                </c:pt>
                <c:pt idx="1141">
                  <c:v>43040</c:v>
                </c:pt>
                <c:pt idx="1142">
                  <c:v>43039</c:v>
                </c:pt>
                <c:pt idx="1143">
                  <c:v>43038</c:v>
                </c:pt>
                <c:pt idx="1144">
                  <c:v>43035</c:v>
                </c:pt>
                <c:pt idx="1145">
                  <c:v>43034</c:v>
                </c:pt>
                <c:pt idx="1146">
                  <c:v>43033</c:v>
                </c:pt>
                <c:pt idx="1147">
                  <c:v>43032</c:v>
                </c:pt>
                <c:pt idx="1148">
                  <c:v>43031</c:v>
                </c:pt>
                <c:pt idx="1149">
                  <c:v>43028</c:v>
                </c:pt>
                <c:pt idx="1150">
                  <c:v>43027</c:v>
                </c:pt>
                <c:pt idx="1151">
                  <c:v>43026</c:v>
                </c:pt>
                <c:pt idx="1152">
                  <c:v>43025</c:v>
                </c:pt>
                <c:pt idx="1153">
                  <c:v>43024</c:v>
                </c:pt>
                <c:pt idx="1154">
                  <c:v>43021</c:v>
                </c:pt>
                <c:pt idx="1155">
                  <c:v>43020</c:v>
                </c:pt>
                <c:pt idx="1156">
                  <c:v>43019</c:v>
                </c:pt>
                <c:pt idx="1157">
                  <c:v>43018</c:v>
                </c:pt>
                <c:pt idx="1158">
                  <c:v>43014</c:v>
                </c:pt>
                <c:pt idx="1159">
                  <c:v>43013</c:v>
                </c:pt>
                <c:pt idx="1160">
                  <c:v>43012</c:v>
                </c:pt>
                <c:pt idx="1161">
                  <c:v>43011</c:v>
                </c:pt>
                <c:pt idx="1162">
                  <c:v>43010</c:v>
                </c:pt>
                <c:pt idx="1163">
                  <c:v>43007</c:v>
                </c:pt>
                <c:pt idx="1164">
                  <c:v>43006</c:v>
                </c:pt>
                <c:pt idx="1165">
                  <c:v>43005</c:v>
                </c:pt>
                <c:pt idx="1166">
                  <c:v>43004</c:v>
                </c:pt>
                <c:pt idx="1167">
                  <c:v>43003</c:v>
                </c:pt>
                <c:pt idx="1168">
                  <c:v>43000</c:v>
                </c:pt>
                <c:pt idx="1169">
                  <c:v>42999</c:v>
                </c:pt>
                <c:pt idx="1170">
                  <c:v>42998</c:v>
                </c:pt>
                <c:pt idx="1171">
                  <c:v>42997</c:v>
                </c:pt>
                <c:pt idx="1172">
                  <c:v>42996</c:v>
                </c:pt>
                <c:pt idx="1173">
                  <c:v>42993</c:v>
                </c:pt>
                <c:pt idx="1174">
                  <c:v>42992</c:v>
                </c:pt>
                <c:pt idx="1175">
                  <c:v>42991</c:v>
                </c:pt>
                <c:pt idx="1176">
                  <c:v>42990</c:v>
                </c:pt>
                <c:pt idx="1177">
                  <c:v>42989</c:v>
                </c:pt>
                <c:pt idx="1178">
                  <c:v>42986</c:v>
                </c:pt>
                <c:pt idx="1179">
                  <c:v>42985</c:v>
                </c:pt>
                <c:pt idx="1180">
                  <c:v>42984</c:v>
                </c:pt>
                <c:pt idx="1181">
                  <c:v>42983</c:v>
                </c:pt>
                <c:pt idx="1182">
                  <c:v>42979</c:v>
                </c:pt>
                <c:pt idx="1183">
                  <c:v>42978</c:v>
                </c:pt>
                <c:pt idx="1184">
                  <c:v>42977</c:v>
                </c:pt>
                <c:pt idx="1185">
                  <c:v>42976</c:v>
                </c:pt>
                <c:pt idx="1186">
                  <c:v>42975</c:v>
                </c:pt>
                <c:pt idx="1187">
                  <c:v>42972</c:v>
                </c:pt>
                <c:pt idx="1188">
                  <c:v>42971</c:v>
                </c:pt>
                <c:pt idx="1189">
                  <c:v>42970</c:v>
                </c:pt>
                <c:pt idx="1190">
                  <c:v>42969</c:v>
                </c:pt>
                <c:pt idx="1191">
                  <c:v>42968</c:v>
                </c:pt>
                <c:pt idx="1192">
                  <c:v>42965</c:v>
                </c:pt>
                <c:pt idx="1193">
                  <c:v>42964</c:v>
                </c:pt>
                <c:pt idx="1194">
                  <c:v>42963</c:v>
                </c:pt>
                <c:pt idx="1195">
                  <c:v>42962</c:v>
                </c:pt>
                <c:pt idx="1196">
                  <c:v>42961</c:v>
                </c:pt>
                <c:pt idx="1197">
                  <c:v>42958</c:v>
                </c:pt>
                <c:pt idx="1198">
                  <c:v>42957</c:v>
                </c:pt>
                <c:pt idx="1199">
                  <c:v>42956</c:v>
                </c:pt>
                <c:pt idx="1200">
                  <c:v>42955</c:v>
                </c:pt>
                <c:pt idx="1201">
                  <c:v>42954</c:v>
                </c:pt>
                <c:pt idx="1202">
                  <c:v>42951</c:v>
                </c:pt>
                <c:pt idx="1203">
                  <c:v>42950</c:v>
                </c:pt>
                <c:pt idx="1204">
                  <c:v>42949</c:v>
                </c:pt>
                <c:pt idx="1205">
                  <c:v>42948</c:v>
                </c:pt>
                <c:pt idx="1206">
                  <c:v>42947</c:v>
                </c:pt>
                <c:pt idx="1207">
                  <c:v>42944</c:v>
                </c:pt>
                <c:pt idx="1208">
                  <c:v>42943</c:v>
                </c:pt>
                <c:pt idx="1209">
                  <c:v>42942</c:v>
                </c:pt>
                <c:pt idx="1210">
                  <c:v>42941</c:v>
                </c:pt>
                <c:pt idx="1211">
                  <c:v>42940</c:v>
                </c:pt>
                <c:pt idx="1212">
                  <c:v>42937</c:v>
                </c:pt>
                <c:pt idx="1213">
                  <c:v>42936</c:v>
                </c:pt>
                <c:pt idx="1214">
                  <c:v>42935</c:v>
                </c:pt>
                <c:pt idx="1215">
                  <c:v>42934</c:v>
                </c:pt>
                <c:pt idx="1216">
                  <c:v>42933</c:v>
                </c:pt>
                <c:pt idx="1217">
                  <c:v>42930</c:v>
                </c:pt>
                <c:pt idx="1218">
                  <c:v>42929</c:v>
                </c:pt>
                <c:pt idx="1219">
                  <c:v>42928</c:v>
                </c:pt>
                <c:pt idx="1220">
                  <c:v>42927</c:v>
                </c:pt>
                <c:pt idx="1221">
                  <c:v>42926</c:v>
                </c:pt>
                <c:pt idx="1222">
                  <c:v>42923</c:v>
                </c:pt>
                <c:pt idx="1223">
                  <c:v>42922</c:v>
                </c:pt>
                <c:pt idx="1224">
                  <c:v>42921</c:v>
                </c:pt>
                <c:pt idx="1225">
                  <c:v>42919</c:v>
                </c:pt>
                <c:pt idx="1226">
                  <c:v>42916</c:v>
                </c:pt>
                <c:pt idx="1227">
                  <c:v>42915</c:v>
                </c:pt>
                <c:pt idx="1228">
                  <c:v>42914</c:v>
                </c:pt>
                <c:pt idx="1229">
                  <c:v>42913</c:v>
                </c:pt>
                <c:pt idx="1230">
                  <c:v>42912</c:v>
                </c:pt>
                <c:pt idx="1231">
                  <c:v>42909</c:v>
                </c:pt>
                <c:pt idx="1232">
                  <c:v>42908</c:v>
                </c:pt>
                <c:pt idx="1233">
                  <c:v>42907</c:v>
                </c:pt>
                <c:pt idx="1234">
                  <c:v>42906</c:v>
                </c:pt>
                <c:pt idx="1235">
                  <c:v>42905</c:v>
                </c:pt>
                <c:pt idx="1236">
                  <c:v>42902</c:v>
                </c:pt>
                <c:pt idx="1237">
                  <c:v>42901</c:v>
                </c:pt>
                <c:pt idx="1238">
                  <c:v>42900</c:v>
                </c:pt>
                <c:pt idx="1239">
                  <c:v>42899</c:v>
                </c:pt>
                <c:pt idx="1240">
                  <c:v>42898</c:v>
                </c:pt>
                <c:pt idx="1241">
                  <c:v>42895</c:v>
                </c:pt>
                <c:pt idx="1242">
                  <c:v>42894</c:v>
                </c:pt>
                <c:pt idx="1243">
                  <c:v>42893</c:v>
                </c:pt>
                <c:pt idx="1244">
                  <c:v>42892</c:v>
                </c:pt>
                <c:pt idx="1245">
                  <c:v>42891</c:v>
                </c:pt>
                <c:pt idx="1246">
                  <c:v>42888</c:v>
                </c:pt>
                <c:pt idx="1247">
                  <c:v>42887</c:v>
                </c:pt>
                <c:pt idx="1248">
                  <c:v>42886</c:v>
                </c:pt>
                <c:pt idx="1249">
                  <c:v>42885</c:v>
                </c:pt>
                <c:pt idx="1250">
                  <c:v>42881</c:v>
                </c:pt>
                <c:pt idx="1251">
                  <c:v>42880</c:v>
                </c:pt>
                <c:pt idx="1252">
                  <c:v>42879</c:v>
                </c:pt>
                <c:pt idx="1253">
                  <c:v>42878</c:v>
                </c:pt>
                <c:pt idx="1254">
                  <c:v>42877</c:v>
                </c:pt>
                <c:pt idx="1255">
                  <c:v>42874</c:v>
                </c:pt>
                <c:pt idx="1256">
                  <c:v>42873</c:v>
                </c:pt>
                <c:pt idx="1257">
                  <c:v>42872</c:v>
                </c:pt>
                <c:pt idx="1258">
                  <c:v>42871</c:v>
                </c:pt>
                <c:pt idx="1259">
                  <c:v>42870</c:v>
                </c:pt>
                <c:pt idx="1260">
                  <c:v>42867</c:v>
                </c:pt>
                <c:pt idx="1261">
                  <c:v>42866</c:v>
                </c:pt>
                <c:pt idx="1262">
                  <c:v>42865</c:v>
                </c:pt>
                <c:pt idx="1263">
                  <c:v>42864</c:v>
                </c:pt>
                <c:pt idx="1264">
                  <c:v>42863</c:v>
                </c:pt>
              </c:numCache>
            </c:numRef>
          </c:xVal>
          <c:yVal>
            <c:numRef>
              <c:f>Sheet1!$AO$32:$AO$2814</c:f>
              <c:numCache>
                <c:formatCode>0.00%</c:formatCode>
                <c:ptCount val="2783"/>
                <c:pt idx="0">
                  <c:v>3.5828626489475199E-2</c:v>
                </c:pt>
                <c:pt idx="1">
                  <c:v>3.5481197892132624E-2</c:v>
                </c:pt>
                <c:pt idx="2">
                  <c:v>3.5121184584578732E-2</c:v>
                </c:pt>
                <c:pt idx="3">
                  <c:v>3.4757719898715546E-2</c:v>
                </c:pt>
                <c:pt idx="4">
                  <c:v>3.4375142541460665E-2</c:v>
                </c:pt>
                <c:pt idx="5">
                  <c:v>3.398895918059508E-2</c:v>
                </c:pt>
                <c:pt idx="6">
                  <c:v>3.3589636180723595E-2</c:v>
                </c:pt>
                <c:pt idx="7">
                  <c:v>3.3167979599953108E-2</c:v>
                </c:pt>
                <c:pt idx="8">
                  <c:v>3.2730201492675123E-2</c:v>
                </c:pt>
                <c:pt idx="9">
                  <c:v>3.2274901425270439E-2</c:v>
                </c:pt>
                <c:pt idx="10">
                  <c:v>3.1781435627348552E-2</c:v>
                </c:pt>
                <c:pt idx="11">
                  <c:v>3.1267701005029874E-2</c:v>
                </c:pt>
                <c:pt idx="12">
                  <c:v>3.0707712044476986E-2</c:v>
                </c:pt>
                <c:pt idx="13" formatCode="0.000%">
                  <c:v>3.1059999999999997E-2</c:v>
                </c:pt>
              </c:numCache>
            </c:numRef>
          </c:yVal>
          <c:smooth val="0"/>
          <c:extLst>
            <c:ext xmlns:c16="http://schemas.microsoft.com/office/drawing/2014/chart" uri="{C3380CC4-5D6E-409C-BE32-E72D297353CC}">
              <c16:uniqueId val="{00000002-8FAE-4892-8654-F5C6701D7F12}"/>
            </c:ext>
          </c:extLst>
        </c:ser>
        <c:ser>
          <c:idx val="3"/>
          <c:order val="3"/>
          <c:tx>
            <c:strRef>
              <c:f>Sheet1!$AP$31</c:f>
              <c:strCache>
                <c:ptCount val="1"/>
                <c:pt idx="0">
                  <c:v>-50 bps</c:v>
                </c:pt>
              </c:strCache>
            </c:strRef>
          </c:tx>
          <c:spPr>
            <a:ln w="19050" cap="rnd">
              <a:solidFill>
                <a:schemeClr val="accent4"/>
              </a:solidFill>
              <a:prstDash val="sysDash"/>
              <a:round/>
            </a:ln>
            <a:effectLst/>
          </c:spPr>
          <c:marker>
            <c:symbol val="none"/>
          </c:marker>
          <c:xVal>
            <c:numRef>
              <c:f>Sheet1!$AL$32:$AL$2814</c:f>
              <c:numCache>
                <c:formatCode>m/d/yyyy</c:formatCode>
                <c:ptCount val="2783"/>
                <c:pt idx="0">
                  <c:v>45107</c:v>
                </c:pt>
                <c:pt idx="1">
                  <c:v>45077</c:v>
                </c:pt>
                <c:pt idx="2">
                  <c:v>45046</c:v>
                </c:pt>
                <c:pt idx="3">
                  <c:v>45016</c:v>
                </c:pt>
                <c:pt idx="4">
                  <c:v>44985</c:v>
                </c:pt>
                <c:pt idx="5">
                  <c:v>44957</c:v>
                </c:pt>
                <c:pt idx="6">
                  <c:v>44926</c:v>
                </c:pt>
                <c:pt idx="7">
                  <c:v>44895</c:v>
                </c:pt>
                <c:pt idx="8">
                  <c:v>44865</c:v>
                </c:pt>
                <c:pt idx="9">
                  <c:v>44834</c:v>
                </c:pt>
                <c:pt idx="10">
                  <c:v>44804</c:v>
                </c:pt>
                <c:pt idx="11">
                  <c:v>44773</c:v>
                </c:pt>
                <c:pt idx="12">
                  <c:v>44742</c:v>
                </c:pt>
                <c:pt idx="13">
                  <c:v>44687</c:v>
                </c:pt>
                <c:pt idx="14">
                  <c:v>44686</c:v>
                </c:pt>
                <c:pt idx="15">
                  <c:v>44685</c:v>
                </c:pt>
                <c:pt idx="16">
                  <c:v>44684</c:v>
                </c:pt>
                <c:pt idx="17">
                  <c:v>44683</c:v>
                </c:pt>
                <c:pt idx="18">
                  <c:v>44680</c:v>
                </c:pt>
                <c:pt idx="19">
                  <c:v>44679</c:v>
                </c:pt>
                <c:pt idx="20">
                  <c:v>44678</c:v>
                </c:pt>
                <c:pt idx="21">
                  <c:v>44677</c:v>
                </c:pt>
                <c:pt idx="22">
                  <c:v>44676</c:v>
                </c:pt>
                <c:pt idx="23">
                  <c:v>44673</c:v>
                </c:pt>
                <c:pt idx="24">
                  <c:v>44672</c:v>
                </c:pt>
                <c:pt idx="25">
                  <c:v>44671</c:v>
                </c:pt>
                <c:pt idx="26">
                  <c:v>44670</c:v>
                </c:pt>
                <c:pt idx="27">
                  <c:v>44669</c:v>
                </c:pt>
                <c:pt idx="28">
                  <c:v>44665</c:v>
                </c:pt>
                <c:pt idx="29">
                  <c:v>44664</c:v>
                </c:pt>
                <c:pt idx="30">
                  <c:v>44663</c:v>
                </c:pt>
                <c:pt idx="31">
                  <c:v>44662</c:v>
                </c:pt>
                <c:pt idx="32">
                  <c:v>44659</c:v>
                </c:pt>
                <c:pt idx="33">
                  <c:v>44658</c:v>
                </c:pt>
                <c:pt idx="34">
                  <c:v>44657</c:v>
                </c:pt>
                <c:pt idx="35">
                  <c:v>44656</c:v>
                </c:pt>
                <c:pt idx="36">
                  <c:v>44655</c:v>
                </c:pt>
                <c:pt idx="37">
                  <c:v>44652</c:v>
                </c:pt>
                <c:pt idx="38">
                  <c:v>44651</c:v>
                </c:pt>
                <c:pt idx="39">
                  <c:v>44650</c:v>
                </c:pt>
                <c:pt idx="40">
                  <c:v>44649</c:v>
                </c:pt>
                <c:pt idx="41">
                  <c:v>44648</c:v>
                </c:pt>
                <c:pt idx="42">
                  <c:v>44645</c:v>
                </c:pt>
                <c:pt idx="43">
                  <c:v>44644</c:v>
                </c:pt>
                <c:pt idx="44">
                  <c:v>44643</c:v>
                </c:pt>
                <c:pt idx="45">
                  <c:v>44642</c:v>
                </c:pt>
                <c:pt idx="46">
                  <c:v>44641</c:v>
                </c:pt>
                <c:pt idx="47">
                  <c:v>44638</c:v>
                </c:pt>
                <c:pt idx="48">
                  <c:v>44637</c:v>
                </c:pt>
                <c:pt idx="49">
                  <c:v>44636</c:v>
                </c:pt>
                <c:pt idx="50">
                  <c:v>44635</c:v>
                </c:pt>
                <c:pt idx="51">
                  <c:v>44634</c:v>
                </c:pt>
                <c:pt idx="52">
                  <c:v>44631</c:v>
                </c:pt>
                <c:pt idx="53">
                  <c:v>44630</c:v>
                </c:pt>
                <c:pt idx="54">
                  <c:v>44629</c:v>
                </c:pt>
                <c:pt idx="55">
                  <c:v>44628</c:v>
                </c:pt>
                <c:pt idx="56">
                  <c:v>44627</c:v>
                </c:pt>
                <c:pt idx="57">
                  <c:v>44624</c:v>
                </c:pt>
                <c:pt idx="58">
                  <c:v>44623</c:v>
                </c:pt>
                <c:pt idx="59">
                  <c:v>44622</c:v>
                </c:pt>
                <c:pt idx="60">
                  <c:v>44621</c:v>
                </c:pt>
                <c:pt idx="61">
                  <c:v>44620</c:v>
                </c:pt>
                <c:pt idx="62">
                  <c:v>44617</c:v>
                </c:pt>
                <c:pt idx="63">
                  <c:v>44616</c:v>
                </c:pt>
                <c:pt idx="64">
                  <c:v>44615</c:v>
                </c:pt>
                <c:pt idx="65">
                  <c:v>44614</c:v>
                </c:pt>
                <c:pt idx="66">
                  <c:v>44610</c:v>
                </c:pt>
                <c:pt idx="67">
                  <c:v>44609</c:v>
                </c:pt>
                <c:pt idx="68">
                  <c:v>44608</c:v>
                </c:pt>
                <c:pt idx="69">
                  <c:v>44607</c:v>
                </c:pt>
                <c:pt idx="70">
                  <c:v>44606</c:v>
                </c:pt>
                <c:pt idx="71">
                  <c:v>44603</c:v>
                </c:pt>
                <c:pt idx="72">
                  <c:v>44602</c:v>
                </c:pt>
                <c:pt idx="73">
                  <c:v>44601</c:v>
                </c:pt>
                <c:pt idx="74">
                  <c:v>44600</c:v>
                </c:pt>
                <c:pt idx="75">
                  <c:v>44599</c:v>
                </c:pt>
                <c:pt idx="76">
                  <c:v>44596</c:v>
                </c:pt>
                <c:pt idx="77">
                  <c:v>44595</c:v>
                </c:pt>
                <c:pt idx="78">
                  <c:v>44594</c:v>
                </c:pt>
                <c:pt idx="79">
                  <c:v>44593</c:v>
                </c:pt>
                <c:pt idx="80">
                  <c:v>44592</c:v>
                </c:pt>
                <c:pt idx="81">
                  <c:v>44589</c:v>
                </c:pt>
                <c:pt idx="82">
                  <c:v>44588</c:v>
                </c:pt>
                <c:pt idx="83">
                  <c:v>44587</c:v>
                </c:pt>
                <c:pt idx="84">
                  <c:v>44586</c:v>
                </c:pt>
                <c:pt idx="85">
                  <c:v>44585</c:v>
                </c:pt>
                <c:pt idx="86">
                  <c:v>44582</c:v>
                </c:pt>
                <c:pt idx="87">
                  <c:v>44581</c:v>
                </c:pt>
                <c:pt idx="88">
                  <c:v>44580</c:v>
                </c:pt>
                <c:pt idx="89">
                  <c:v>44579</c:v>
                </c:pt>
                <c:pt idx="90">
                  <c:v>44575</c:v>
                </c:pt>
                <c:pt idx="91">
                  <c:v>44574</c:v>
                </c:pt>
                <c:pt idx="92">
                  <c:v>44573</c:v>
                </c:pt>
                <c:pt idx="93">
                  <c:v>44572</c:v>
                </c:pt>
                <c:pt idx="94">
                  <c:v>44571</c:v>
                </c:pt>
                <c:pt idx="95">
                  <c:v>44568</c:v>
                </c:pt>
                <c:pt idx="96">
                  <c:v>44567</c:v>
                </c:pt>
                <c:pt idx="97">
                  <c:v>44566</c:v>
                </c:pt>
                <c:pt idx="98">
                  <c:v>44565</c:v>
                </c:pt>
                <c:pt idx="99">
                  <c:v>44564</c:v>
                </c:pt>
                <c:pt idx="100">
                  <c:v>44561</c:v>
                </c:pt>
                <c:pt idx="101">
                  <c:v>44560</c:v>
                </c:pt>
                <c:pt idx="102">
                  <c:v>44559</c:v>
                </c:pt>
                <c:pt idx="103">
                  <c:v>44558</c:v>
                </c:pt>
                <c:pt idx="104">
                  <c:v>44557</c:v>
                </c:pt>
                <c:pt idx="105">
                  <c:v>44553</c:v>
                </c:pt>
                <c:pt idx="106">
                  <c:v>44552</c:v>
                </c:pt>
                <c:pt idx="107">
                  <c:v>44551</c:v>
                </c:pt>
                <c:pt idx="108">
                  <c:v>44550</c:v>
                </c:pt>
                <c:pt idx="109">
                  <c:v>44547</c:v>
                </c:pt>
                <c:pt idx="110">
                  <c:v>44546</c:v>
                </c:pt>
                <c:pt idx="111">
                  <c:v>44545</c:v>
                </c:pt>
                <c:pt idx="112">
                  <c:v>44544</c:v>
                </c:pt>
                <c:pt idx="113">
                  <c:v>44543</c:v>
                </c:pt>
                <c:pt idx="114">
                  <c:v>44540</c:v>
                </c:pt>
                <c:pt idx="115">
                  <c:v>44539</c:v>
                </c:pt>
                <c:pt idx="116">
                  <c:v>44538</c:v>
                </c:pt>
                <c:pt idx="117">
                  <c:v>44537</c:v>
                </c:pt>
                <c:pt idx="118">
                  <c:v>44536</c:v>
                </c:pt>
                <c:pt idx="119">
                  <c:v>44533</c:v>
                </c:pt>
                <c:pt idx="120">
                  <c:v>44532</c:v>
                </c:pt>
                <c:pt idx="121">
                  <c:v>44531</c:v>
                </c:pt>
                <c:pt idx="122">
                  <c:v>44530</c:v>
                </c:pt>
                <c:pt idx="123">
                  <c:v>44529</c:v>
                </c:pt>
                <c:pt idx="124">
                  <c:v>44526</c:v>
                </c:pt>
                <c:pt idx="125">
                  <c:v>44524</c:v>
                </c:pt>
                <c:pt idx="126">
                  <c:v>44523</c:v>
                </c:pt>
                <c:pt idx="127">
                  <c:v>44522</c:v>
                </c:pt>
                <c:pt idx="128">
                  <c:v>44519</c:v>
                </c:pt>
                <c:pt idx="129">
                  <c:v>44518</c:v>
                </c:pt>
                <c:pt idx="130">
                  <c:v>44517</c:v>
                </c:pt>
                <c:pt idx="131">
                  <c:v>44516</c:v>
                </c:pt>
                <c:pt idx="132">
                  <c:v>44515</c:v>
                </c:pt>
                <c:pt idx="133">
                  <c:v>44512</c:v>
                </c:pt>
                <c:pt idx="134">
                  <c:v>44510</c:v>
                </c:pt>
                <c:pt idx="135">
                  <c:v>44509</c:v>
                </c:pt>
                <c:pt idx="136">
                  <c:v>44508</c:v>
                </c:pt>
                <c:pt idx="137">
                  <c:v>44505</c:v>
                </c:pt>
                <c:pt idx="138">
                  <c:v>44504</c:v>
                </c:pt>
                <c:pt idx="139">
                  <c:v>44503</c:v>
                </c:pt>
                <c:pt idx="140">
                  <c:v>44502</c:v>
                </c:pt>
                <c:pt idx="141">
                  <c:v>44501</c:v>
                </c:pt>
                <c:pt idx="142">
                  <c:v>44498</c:v>
                </c:pt>
                <c:pt idx="143">
                  <c:v>44497</c:v>
                </c:pt>
                <c:pt idx="144">
                  <c:v>44496</c:v>
                </c:pt>
                <c:pt idx="145">
                  <c:v>44495</c:v>
                </c:pt>
                <c:pt idx="146">
                  <c:v>44494</c:v>
                </c:pt>
                <c:pt idx="147">
                  <c:v>44491</c:v>
                </c:pt>
                <c:pt idx="148">
                  <c:v>44490</c:v>
                </c:pt>
                <c:pt idx="149">
                  <c:v>44489</c:v>
                </c:pt>
                <c:pt idx="150">
                  <c:v>44488</c:v>
                </c:pt>
                <c:pt idx="151">
                  <c:v>44487</c:v>
                </c:pt>
                <c:pt idx="152">
                  <c:v>44484</c:v>
                </c:pt>
                <c:pt idx="153">
                  <c:v>44483</c:v>
                </c:pt>
                <c:pt idx="154">
                  <c:v>44482</c:v>
                </c:pt>
                <c:pt idx="155">
                  <c:v>44481</c:v>
                </c:pt>
                <c:pt idx="156">
                  <c:v>44477</c:v>
                </c:pt>
                <c:pt idx="157">
                  <c:v>44476</c:v>
                </c:pt>
                <c:pt idx="158">
                  <c:v>44475</c:v>
                </c:pt>
                <c:pt idx="159">
                  <c:v>44474</c:v>
                </c:pt>
                <c:pt idx="160">
                  <c:v>44473</c:v>
                </c:pt>
                <c:pt idx="161">
                  <c:v>44470</c:v>
                </c:pt>
                <c:pt idx="162">
                  <c:v>44469</c:v>
                </c:pt>
                <c:pt idx="163">
                  <c:v>44468</c:v>
                </c:pt>
                <c:pt idx="164">
                  <c:v>44467</c:v>
                </c:pt>
                <c:pt idx="165">
                  <c:v>44466</c:v>
                </c:pt>
                <c:pt idx="166">
                  <c:v>44463</c:v>
                </c:pt>
                <c:pt idx="167">
                  <c:v>44462</c:v>
                </c:pt>
                <c:pt idx="168">
                  <c:v>44461</c:v>
                </c:pt>
                <c:pt idx="169">
                  <c:v>44460</c:v>
                </c:pt>
                <c:pt idx="170">
                  <c:v>44459</c:v>
                </c:pt>
                <c:pt idx="171">
                  <c:v>44456</c:v>
                </c:pt>
                <c:pt idx="172">
                  <c:v>44455</c:v>
                </c:pt>
                <c:pt idx="173">
                  <c:v>44454</c:v>
                </c:pt>
                <c:pt idx="174">
                  <c:v>44453</c:v>
                </c:pt>
                <c:pt idx="175">
                  <c:v>44452</c:v>
                </c:pt>
                <c:pt idx="176">
                  <c:v>44449</c:v>
                </c:pt>
                <c:pt idx="177">
                  <c:v>44448</c:v>
                </c:pt>
                <c:pt idx="178">
                  <c:v>44447</c:v>
                </c:pt>
                <c:pt idx="179">
                  <c:v>44446</c:v>
                </c:pt>
                <c:pt idx="180">
                  <c:v>44442</c:v>
                </c:pt>
                <c:pt idx="181">
                  <c:v>44441</c:v>
                </c:pt>
                <c:pt idx="182">
                  <c:v>44440</c:v>
                </c:pt>
                <c:pt idx="183">
                  <c:v>44439</c:v>
                </c:pt>
                <c:pt idx="184">
                  <c:v>44438</c:v>
                </c:pt>
                <c:pt idx="185">
                  <c:v>44435</c:v>
                </c:pt>
                <c:pt idx="186">
                  <c:v>44434</c:v>
                </c:pt>
                <c:pt idx="187">
                  <c:v>44433</c:v>
                </c:pt>
                <c:pt idx="188">
                  <c:v>44432</c:v>
                </c:pt>
                <c:pt idx="189">
                  <c:v>44431</c:v>
                </c:pt>
                <c:pt idx="190">
                  <c:v>44428</c:v>
                </c:pt>
                <c:pt idx="191">
                  <c:v>44427</c:v>
                </c:pt>
                <c:pt idx="192">
                  <c:v>44426</c:v>
                </c:pt>
                <c:pt idx="193">
                  <c:v>44425</c:v>
                </c:pt>
                <c:pt idx="194">
                  <c:v>44424</c:v>
                </c:pt>
                <c:pt idx="195">
                  <c:v>44421</c:v>
                </c:pt>
                <c:pt idx="196">
                  <c:v>44420</c:v>
                </c:pt>
                <c:pt idx="197">
                  <c:v>44419</c:v>
                </c:pt>
                <c:pt idx="198">
                  <c:v>44418</c:v>
                </c:pt>
                <c:pt idx="199">
                  <c:v>44417</c:v>
                </c:pt>
                <c:pt idx="200">
                  <c:v>44414</c:v>
                </c:pt>
                <c:pt idx="201">
                  <c:v>44413</c:v>
                </c:pt>
                <c:pt idx="202">
                  <c:v>44412</c:v>
                </c:pt>
                <c:pt idx="203">
                  <c:v>44411</c:v>
                </c:pt>
                <c:pt idx="204">
                  <c:v>44410</c:v>
                </c:pt>
                <c:pt idx="205">
                  <c:v>44407</c:v>
                </c:pt>
                <c:pt idx="206">
                  <c:v>44406</c:v>
                </c:pt>
                <c:pt idx="207">
                  <c:v>44405</c:v>
                </c:pt>
                <c:pt idx="208">
                  <c:v>44404</c:v>
                </c:pt>
                <c:pt idx="209">
                  <c:v>44403</c:v>
                </c:pt>
                <c:pt idx="210">
                  <c:v>44400</c:v>
                </c:pt>
                <c:pt idx="211">
                  <c:v>44399</c:v>
                </c:pt>
                <c:pt idx="212">
                  <c:v>44398</c:v>
                </c:pt>
                <c:pt idx="213">
                  <c:v>44397</c:v>
                </c:pt>
                <c:pt idx="214">
                  <c:v>44396</c:v>
                </c:pt>
                <c:pt idx="215">
                  <c:v>44393</c:v>
                </c:pt>
                <c:pt idx="216">
                  <c:v>44392</c:v>
                </c:pt>
                <c:pt idx="217">
                  <c:v>44391</c:v>
                </c:pt>
                <c:pt idx="218">
                  <c:v>44390</c:v>
                </c:pt>
                <c:pt idx="219">
                  <c:v>44389</c:v>
                </c:pt>
                <c:pt idx="220">
                  <c:v>44386</c:v>
                </c:pt>
                <c:pt idx="221">
                  <c:v>44385</c:v>
                </c:pt>
                <c:pt idx="222">
                  <c:v>44384</c:v>
                </c:pt>
                <c:pt idx="223">
                  <c:v>44383</c:v>
                </c:pt>
                <c:pt idx="224">
                  <c:v>44379</c:v>
                </c:pt>
                <c:pt idx="225">
                  <c:v>44378</c:v>
                </c:pt>
                <c:pt idx="226">
                  <c:v>44377</c:v>
                </c:pt>
                <c:pt idx="227">
                  <c:v>44376</c:v>
                </c:pt>
                <c:pt idx="228">
                  <c:v>44375</c:v>
                </c:pt>
                <c:pt idx="229">
                  <c:v>44372</c:v>
                </c:pt>
                <c:pt idx="230">
                  <c:v>44371</c:v>
                </c:pt>
                <c:pt idx="231">
                  <c:v>44370</c:v>
                </c:pt>
                <c:pt idx="232">
                  <c:v>44369</c:v>
                </c:pt>
                <c:pt idx="233">
                  <c:v>44368</c:v>
                </c:pt>
                <c:pt idx="234">
                  <c:v>44365</c:v>
                </c:pt>
                <c:pt idx="235">
                  <c:v>44364</c:v>
                </c:pt>
                <c:pt idx="236">
                  <c:v>44363</c:v>
                </c:pt>
                <c:pt idx="237">
                  <c:v>44362</c:v>
                </c:pt>
                <c:pt idx="238">
                  <c:v>44361</c:v>
                </c:pt>
                <c:pt idx="239">
                  <c:v>44358</c:v>
                </c:pt>
                <c:pt idx="240">
                  <c:v>44357</c:v>
                </c:pt>
                <c:pt idx="241">
                  <c:v>44356</c:v>
                </c:pt>
                <c:pt idx="242">
                  <c:v>44355</c:v>
                </c:pt>
                <c:pt idx="243">
                  <c:v>44354</c:v>
                </c:pt>
                <c:pt idx="244">
                  <c:v>44351</c:v>
                </c:pt>
                <c:pt idx="245">
                  <c:v>44350</c:v>
                </c:pt>
                <c:pt idx="246">
                  <c:v>44349</c:v>
                </c:pt>
                <c:pt idx="247">
                  <c:v>44348</c:v>
                </c:pt>
                <c:pt idx="248">
                  <c:v>44344</c:v>
                </c:pt>
                <c:pt idx="249">
                  <c:v>44343</c:v>
                </c:pt>
                <c:pt idx="250">
                  <c:v>44342</c:v>
                </c:pt>
                <c:pt idx="251">
                  <c:v>44341</c:v>
                </c:pt>
                <c:pt idx="252">
                  <c:v>44340</c:v>
                </c:pt>
                <c:pt idx="253">
                  <c:v>44337</c:v>
                </c:pt>
                <c:pt idx="254">
                  <c:v>44336</c:v>
                </c:pt>
                <c:pt idx="255">
                  <c:v>44335</c:v>
                </c:pt>
                <c:pt idx="256">
                  <c:v>44334</c:v>
                </c:pt>
                <c:pt idx="257">
                  <c:v>44333</c:v>
                </c:pt>
                <c:pt idx="258">
                  <c:v>44330</c:v>
                </c:pt>
                <c:pt idx="259">
                  <c:v>44329</c:v>
                </c:pt>
                <c:pt idx="260">
                  <c:v>44328</c:v>
                </c:pt>
                <c:pt idx="261">
                  <c:v>44327</c:v>
                </c:pt>
                <c:pt idx="262">
                  <c:v>44326</c:v>
                </c:pt>
                <c:pt idx="263">
                  <c:v>44323</c:v>
                </c:pt>
                <c:pt idx="264">
                  <c:v>44322</c:v>
                </c:pt>
                <c:pt idx="265">
                  <c:v>44321</c:v>
                </c:pt>
                <c:pt idx="266">
                  <c:v>44320</c:v>
                </c:pt>
                <c:pt idx="267">
                  <c:v>44319</c:v>
                </c:pt>
                <c:pt idx="268">
                  <c:v>44316</c:v>
                </c:pt>
                <c:pt idx="269">
                  <c:v>44315</c:v>
                </c:pt>
                <c:pt idx="270">
                  <c:v>44314</c:v>
                </c:pt>
                <c:pt idx="271">
                  <c:v>44313</c:v>
                </c:pt>
                <c:pt idx="272">
                  <c:v>44312</c:v>
                </c:pt>
                <c:pt idx="273">
                  <c:v>44309</c:v>
                </c:pt>
                <c:pt idx="274">
                  <c:v>44308</c:v>
                </c:pt>
                <c:pt idx="275">
                  <c:v>44307</c:v>
                </c:pt>
                <c:pt idx="276">
                  <c:v>44306</c:v>
                </c:pt>
                <c:pt idx="277">
                  <c:v>44305</c:v>
                </c:pt>
                <c:pt idx="278">
                  <c:v>44302</c:v>
                </c:pt>
                <c:pt idx="279">
                  <c:v>44301</c:v>
                </c:pt>
                <c:pt idx="280">
                  <c:v>44300</c:v>
                </c:pt>
                <c:pt idx="281">
                  <c:v>44299</c:v>
                </c:pt>
                <c:pt idx="282">
                  <c:v>44298</c:v>
                </c:pt>
                <c:pt idx="283">
                  <c:v>44295</c:v>
                </c:pt>
                <c:pt idx="284">
                  <c:v>44294</c:v>
                </c:pt>
                <c:pt idx="285">
                  <c:v>44293</c:v>
                </c:pt>
                <c:pt idx="286">
                  <c:v>44292</c:v>
                </c:pt>
                <c:pt idx="287">
                  <c:v>44291</c:v>
                </c:pt>
                <c:pt idx="288">
                  <c:v>44287</c:v>
                </c:pt>
                <c:pt idx="289">
                  <c:v>44286</c:v>
                </c:pt>
                <c:pt idx="290">
                  <c:v>44285</c:v>
                </c:pt>
                <c:pt idx="291">
                  <c:v>44284</c:v>
                </c:pt>
                <c:pt idx="292">
                  <c:v>44281</c:v>
                </c:pt>
                <c:pt idx="293">
                  <c:v>44280</c:v>
                </c:pt>
                <c:pt idx="294">
                  <c:v>44279</c:v>
                </c:pt>
                <c:pt idx="295">
                  <c:v>44278</c:v>
                </c:pt>
                <c:pt idx="296">
                  <c:v>44277</c:v>
                </c:pt>
                <c:pt idx="297">
                  <c:v>44274</c:v>
                </c:pt>
                <c:pt idx="298">
                  <c:v>44273</c:v>
                </c:pt>
                <c:pt idx="299">
                  <c:v>44272</c:v>
                </c:pt>
                <c:pt idx="300">
                  <c:v>44271</c:v>
                </c:pt>
                <c:pt idx="301">
                  <c:v>44270</c:v>
                </c:pt>
                <c:pt idx="302">
                  <c:v>44267</c:v>
                </c:pt>
                <c:pt idx="303">
                  <c:v>44266</c:v>
                </c:pt>
                <c:pt idx="304">
                  <c:v>44265</c:v>
                </c:pt>
                <c:pt idx="305">
                  <c:v>44264</c:v>
                </c:pt>
                <c:pt idx="306">
                  <c:v>44263</c:v>
                </c:pt>
                <c:pt idx="307">
                  <c:v>44260</c:v>
                </c:pt>
                <c:pt idx="308">
                  <c:v>44259</c:v>
                </c:pt>
                <c:pt idx="309">
                  <c:v>44258</c:v>
                </c:pt>
                <c:pt idx="310">
                  <c:v>44257</c:v>
                </c:pt>
                <c:pt idx="311">
                  <c:v>44256</c:v>
                </c:pt>
                <c:pt idx="312">
                  <c:v>44253</c:v>
                </c:pt>
                <c:pt idx="313">
                  <c:v>44252</c:v>
                </c:pt>
                <c:pt idx="314">
                  <c:v>44251</c:v>
                </c:pt>
                <c:pt idx="315">
                  <c:v>44250</c:v>
                </c:pt>
                <c:pt idx="316">
                  <c:v>44249</c:v>
                </c:pt>
                <c:pt idx="317">
                  <c:v>44246</c:v>
                </c:pt>
                <c:pt idx="318">
                  <c:v>44245</c:v>
                </c:pt>
                <c:pt idx="319">
                  <c:v>44244</c:v>
                </c:pt>
                <c:pt idx="320">
                  <c:v>44243</c:v>
                </c:pt>
                <c:pt idx="321">
                  <c:v>44239</c:v>
                </c:pt>
                <c:pt idx="322">
                  <c:v>44238</c:v>
                </c:pt>
                <c:pt idx="323">
                  <c:v>44237</c:v>
                </c:pt>
                <c:pt idx="324">
                  <c:v>44236</c:v>
                </c:pt>
                <c:pt idx="325">
                  <c:v>44235</c:v>
                </c:pt>
                <c:pt idx="326">
                  <c:v>44232</c:v>
                </c:pt>
                <c:pt idx="327">
                  <c:v>44231</c:v>
                </c:pt>
                <c:pt idx="328">
                  <c:v>44230</c:v>
                </c:pt>
                <c:pt idx="329">
                  <c:v>44229</c:v>
                </c:pt>
                <c:pt idx="330">
                  <c:v>44228</c:v>
                </c:pt>
                <c:pt idx="331">
                  <c:v>44225</c:v>
                </c:pt>
                <c:pt idx="332">
                  <c:v>44224</c:v>
                </c:pt>
                <c:pt idx="333">
                  <c:v>44223</c:v>
                </c:pt>
                <c:pt idx="334">
                  <c:v>44222</c:v>
                </c:pt>
                <c:pt idx="335">
                  <c:v>44221</c:v>
                </c:pt>
                <c:pt idx="336">
                  <c:v>44218</c:v>
                </c:pt>
                <c:pt idx="337">
                  <c:v>44217</c:v>
                </c:pt>
                <c:pt idx="338">
                  <c:v>44216</c:v>
                </c:pt>
                <c:pt idx="339">
                  <c:v>44215</c:v>
                </c:pt>
                <c:pt idx="340">
                  <c:v>44211</c:v>
                </c:pt>
                <c:pt idx="341">
                  <c:v>44210</c:v>
                </c:pt>
                <c:pt idx="342">
                  <c:v>44209</c:v>
                </c:pt>
                <c:pt idx="343">
                  <c:v>44208</c:v>
                </c:pt>
                <c:pt idx="344">
                  <c:v>44207</c:v>
                </c:pt>
                <c:pt idx="345">
                  <c:v>44204</c:v>
                </c:pt>
                <c:pt idx="346">
                  <c:v>44203</c:v>
                </c:pt>
                <c:pt idx="347">
                  <c:v>44202</c:v>
                </c:pt>
                <c:pt idx="348">
                  <c:v>44201</c:v>
                </c:pt>
                <c:pt idx="349">
                  <c:v>44200</c:v>
                </c:pt>
                <c:pt idx="350">
                  <c:v>44196</c:v>
                </c:pt>
                <c:pt idx="351">
                  <c:v>44195</c:v>
                </c:pt>
                <c:pt idx="352">
                  <c:v>44194</c:v>
                </c:pt>
                <c:pt idx="353">
                  <c:v>44193</c:v>
                </c:pt>
                <c:pt idx="354">
                  <c:v>44189</c:v>
                </c:pt>
                <c:pt idx="355">
                  <c:v>44188</c:v>
                </c:pt>
                <c:pt idx="356">
                  <c:v>44187</c:v>
                </c:pt>
                <c:pt idx="357">
                  <c:v>44186</c:v>
                </c:pt>
                <c:pt idx="358">
                  <c:v>44183</c:v>
                </c:pt>
                <c:pt idx="359">
                  <c:v>44182</c:v>
                </c:pt>
                <c:pt idx="360">
                  <c:v>44181</c:v>
                </c:pt>
                <c:pt idx="361">
                  <c:v>44180</c:v>
                </c:pt>
                <c:pt idx="362">
                  <c:v>44179</c:v>
                </c:pt>
                <c:pt idx="363">
                  <c:v>44176</c:v>
                </c:pt>
                <c:pt idx="364">
                  <c:v>44175</c:v>
                </c:pt>
                <c:pt idx="365">
                  <c:v>44174</c:v>
                </c:pt>
                <c:pt idx="366">
                  <c:v>44173</c:v>
                </c:pt>
                <c:pt idx="367">
                  <c:v>44172</c:v>
                </c:pt>
                <c:pt idx="368">
                  <c:v>44169</c:v>
                </c:pt>
                <c:pt idx="369">
                  <c:v>44168</c:v>
                </c:pt>
                <c:pt idx="370">
                  <c:v>44167</c:v>
                </c:pt>
                <c:pt idx="371">
                  <c:v>44166</c:v>
                </c:pt>
                <c:pt idx="372">
                  <c:v>44165</c:v>
                </c:pt>
                <c:pt idx="373">
                  <c:v>44162</c:v>
                </c:pt>
                <c:pt idx="374">
                  <c:v>44160</c:v>
                </c:pt>
                <c:pt idx="375">
                  <c:v>44159</c:v>
                </c:pt>
                <c:pt idx="376">
                  <c:v>44158</c:v>
                </c:pt>
                <c:pt idx="377">
                  <c:v>44155</c:v>
                </c:pt>
                <c:pt idx="378">
                  <c:v>44154</c:v>
                </c:pt>
                <c:pt idx="379">
                  <c:v>44153</c:v>
                </c:pt>
                <c:pt idx="380">
                  <c:v>44152</c:v>
                </c:pt>
                <c:pt idx="381">
                  <c:v>44151</c:v>
                </c:pt>
                <c:pt idx="382">
                  <c:v>44148</c:v>
                </c:pt>
                <c:pt idx="383">
                  <c:v>44147</c:v>
                </c:pt>
                <c:pt idx="384">
                  <c:v>44145</c:v>
                </c:pt>
                <c:pt idx="385">
                  <c:v>44144</c:v>
                </c:pt>
                <c:pt idx="386">
                  <c:v>44141</c:v>
                </c:pt>
                <c:pt idx="387">
                  <c:v>44140</c:v>
                </c:pt>
                <c:pt idx="388">
                  <c:v>44139</c:v>
                </c:pt>
                <c:pt idx="389">
                  <c:v>44138</c:v>
                </c:pt>
                <c:pt idx="390">
                  <c:v>44137</c:v>
                </c:pt>
                <c:pt idx="391">
                  <c:v>44134</c:v>
                </c:pt>
                <c:pt idx="392">
                  <c:v>44133</c:v>
                </c:pt>
                <c:pt idx="393">
                  <c:v>44132</c:v>
                </c:pt>
                <c:pt idx="394">
                  <c:v>44131</c:v>
                </c:pt>
                <c:pt idx="395">
                  <c:v>44130</c:v>
                </c:pt>
                <c:pt idx="396">
                  <c:v>44127</c:v>
                </c:pt>
                <c:pt idx="397">
                  <c:v>44126</c:v>
                </c:pt>
                <c:pt idx="398">
                  <c:v>44125</c:v>
                </c:pt>
                <c:pt idx="399">
                  <c:v>44124</c:v>
                </c:pt>
                <c:pt idx="400">
                  <c:v>44123</c:v>
                </c:pt>
                <c:pt idx="401">
                  <c:v>44120</c:v>
                </c:pt>
                <c:pt idx="402">
                  <c:v>44119</c:v>
                </c:pt>
                <c:pt idx="403">
                  <c:v>44118</c:v>
                </c:pt>
                <c:pt idx="404">
                  <c:v>44117</c:v>
                </c:pt>
                <c:pt idx="405">
                  <c:v>44113</c:v>
                </c:pt>
                <c:pt idx="406">
                  <c:v>44112</c:v>
                </c:pt>
                <c:pt idx="407">
                  <c:v>44111</c:v>
                </c:pt>
                <c:pt idx="408">
                  <c:v>44110</c:v>
                </c:pt>
                <c:pt idx="409">
                  <c:v>44109</c:v>
                </c:pt>
                <c:pt idx="410">
                  <c:v>44106</c:v>
                </c:pt>
                <c:pt idx="411">
                  <c:v>44105</c:v>
                </c:pt>
                <c:pt idx="412">
                  <c:v>44104</c:v>
                </c:pt>
                <c:pt idx="413">
                  <c:v>44103</c:v>
                </c:pt>
                <c:pt idx="414">
                  <c:v>44102</c:v>
                </c:pt>
                <c:pt idx="415">
                  <c:v>44099</c:v>
                </c:pt>
                <c:pt idx="416">
                  <c:v>44098</c:v>
                </c:pt>
                <c:pt idx="417">
                  <c:v>44097</c:v>
                </c:pt>
                <c:pt idx="418">
                  <c:v>44096</c:v>
                </c:pt>
                <c:pt idx="419">
                  <c:v>44095</c:v>
                </c:pt>
                <c:pt idx="420">
                  <c:v>44092</c:v>
                </c:pt>
                <c:pt idx="421">
                  <c:v>44091</c:v>
                </c:pt>
                <c:pt idx="422">
                  <c:v>44090</c:v>
                </c:pt>
                <c:pt idx="423">
                  <c:v>44089</c:v>
                </c:pt>
                <c:pt idx="424">
                  <c:v>44088</c:v>
                </c:pt>
                <c:pt idx="425">
                  <c:v>44085</c:v>
                </c:pt>
                <c:pt idx="426">
                  <c:v>44084</c:v>
                </c:pt>
                <c:pt idx="427">
                  <c:v>44083</c:v>
                </c:pt>
                <c:pt idx="428">
                  <c:v>44082</c:v>
                </c:pt>
                <c:pt idx="429">
                  <c:v>44078</c:v>
                </c:pt>
                <c:pt idx="430">
                  <c:v>44077</c:v>
                </c:pt>
                <c:pt idx="431">
                  <c:v>44076</c:v>
                </c:pt>
                <c:pt idx="432">
                  <c:v>44075</c:v>
                </c:pt>
                <c:pt idx="433">
                  <c:v>44074</c:v>
                </c:pt>
                <c:pt idx="434">
                  <c:v>44071</c:v>
                </c:pt>
                <c:pt idx="435">
                  <c:v>44070</c:v>
                </c:pt>
                <c:pt idx="436">
                  <c:v>44069</c:v>
                </c:pt>
                <c:pt idx="437">
                  <c:v>44068</c:v>
                </c:pt>
                <c:pt idx="438">
                  <c:v>44067</c:v>
                </c:pt>
                <c:pt idx="439">
                  <c:v>44064</c:v>
                </c:pt>
                <c:pt idx="440">
                  <c:v>44063</c:v>
                </c:pt>
                <c:pt idx="441">
                  <c:v>44062</c:v>
                </c:pt>
                <c:pt idx="442">
                  <c:v>44061</c:v>
                </c:pt>
                <c:pt idx="443">
                  <c:v>44060</c:v>
                </c:pt>
                <c:pt idx="444">
                  <c:v>44057</c:v>
                </c:pt>
                <c:pt idx="445">
                  <c:v>44056</c:v>
                </c:pt>
                <c:pt idx="446">
                  <c:v>44055</c:v>
                </c:pt>
                <c:pt idx="447">
                  <c:v>44054</c:v>
                </c:pt>
                <c:pt idx="448">
                  <c:v>44053</c:v>
                </c:pt>
                <c:pt idx="449">
                  <c:v>44050</c:v>
                </c:pt>
                <c:pt idx="450">
                  <c:v>44049</c:v>
                </c:pt>
                <c:pt idx="451">
                  <c:v>44048</c:v>
                </c:pt>
                <c:pt idx="452">
                  <c:v>44047</c:v>
                </c:pt>
                <c:pt idx="453">
                  <c:v>44046</c:v>
                </c:pt>
                <c:pt idx="454">
                  <c:v>44043</c:v>
                </c:pt>
                <c:pt idx="455">
                  <c:v>44042</c:v>
                </c:pt>
                <c:pt idx="456">
                  <c:v>44041</c:v>
                </c:pt>
                <c:pt idx="457">
                  <c:v>44040</c:v>
                </c:pt>
                <c:pt idx="458">
                  <c:v>44039</c:v>
                </c:pt>
                <c:pt idx="459">
                  <c:v>44036</c:v>
                </c:pt>
                <c:pt idx="460">
                  <c:v>44035</c:v>
                </c:pt>
                <c:pt idx="461">
                  <c:v>44034</c:v>
                </c:pt>
                <c:pt idx="462">
                  <c:v>44033</c:v>
                </c:pt>
                <c:pt idx="463">
                  <c:v>44032</c:v>
                </c:pt>
                <c:pt idx="464">
                  <c:v>44029</c:v>
                </c:pt>
                <c:pt idx="465">
                  <c:v>44028</c:v>
                </c:pt>
                <c:pt idx="466">
                  <c:v>44027</c:v>
                </c:pt>
                <c:pt idx="467">
                  <c:v>44026</c:v>
                </c:pt>
                <c:pt idx="468">
                  <c:v>44025</c:v>
                </c:pt>
                <c:pt idx="469">
                  <c:v>44022</c:v>
                </c:pt>
                <c:pt idx="470">
                  <c:v>44021</c:v>
                </c:pt>
                <c:pt idx="471">
                  <c:v>44020</c:v>
                </c:pt>
                <c:pt idx="472">
                  <c:v>44019</c:v>
                </c:pt>
                <c:pt idx="473">
                  <c:v>44018</c:v>
                </c:pt>
                <c:pt idx="474">
                  <c:v>44014</c:v>
                </c:pt>
                <c:pt idx="475">
                  <c:v>44013</c:v>
                </c:pt>
                <c:pt idx="476">
                  <c:v>44012</c:v>
                </c:pt>
                <c:pt idx="477">
                  <c:v>44011</c:v>
                </c:pt>
                <c:pt idx="478">
                  <c:v>44008</c:v>
                </c:pt>
                <c:pt idx="479">
                  <c:v>44007</c:v>
                </c:pt>
                <c:pt idx="480">
                  <c:v>44006</c:v>
                </c:pt>
                <c:pt idx="481">
                  <c:v>44005</c:v>
                </c:pt>
                <c:pt idx="482">
                  <c:v>44004</c:v>
                </c:pt>
                <c:pt idx="483">
                  <c:v>44001</c:v>
                </c:pt>
                <c:pt idx="484">
                  <c:v>44000</c:v>
                </c:pt>
                <c:pt idx="485">
                  <c:v>43999</c:v>
                </c:pt>
                <c:pt idx="486">
                  <c:v>43998</c:v>
                </c:pt>
                <c:pt idx="487">
                  <c:v>43997</c:v>
                </c:pt>
                <c:pt idx="488">
                  <c:v>43994</c:v>
                </c:pt>
                <c:pt idx="489">
                  <c:v>43993</c:v>
                </c:pt>
                <c:pt idx="490">
                  <c:v>43992</c:v>
                </c:pt>
                <c:pt idx="491">
                  <c:v>43991</c:v>
                </c:pt>
                <c:pt idx="492">
                  <c:v>43990</c:v>
                </c:pt>
                <c:pt idx="493">
                  <c:v>43987</c:v>
                </c:pt>
                <c:pt idx="494">
                  <c:v>43986</c:v>
                </c:pt>
                <c:pt idx="495">
                  <c:v>43985</c:v>
                </c:pt>
                <c:pt idx="496">
                  <c:v>43984</c:v>
                </c:pt>
                <c:pt idx="497">
                  <c:v>43983</c:v>
                </c:pt>
                <c:pt idx="498">
                  <c:v>43980</c:v>
                </c:pt>
                <c:pt idx="499">
                  <c:v>43979</c:v>
                </c:pt>
                <c:pt idx="500">
                  <c:v>43978</c:v>
                </c:pt>
                <c:pt idx="501">
                  <c:v>43977</c:v>
                </c:pt>
                <c:pt idx="502">
                  <c:v>43973</c:v>
                </c:pt>
                <c:pt idx="503">
                  <c:v>43972</c:v>
                </c:pt>
                <c:pt idx="504">
                  <c:v>43971</c:v>
                </c:pt>
                <c:pt idx="505">
                  <c:v>43970</c:v>
                </c:pt>
                <c:pt idx="506">
                  <c:v>43969</c:v>
                </c:pt>
                <c:pt idx="507">
                  <c:v>43966</c:v>
                </c:pt>
                <c:pt idx="508">
                  <c:v>43965</c:v>
                </c:pt>
                <c:pt idx="509">
                  <c:v>43964</c:v>
                </c:pt>
                <c:pt idx="510">
                  <c:v>43963</c:v>
                </c:pt>
                <c:pt idx="511">
                  <c:v>43962</c:v>
                </c:pt>
                <c:pt idx="512">
                  <c:v>43959</c:v>
                </c:pt>
                <c:pt idx="513">
                  <c:v>43958</c:v>
                </c:pt>
                <c:pt idx="514">
                  <c:v>43957</c:v>
                </c:pt>
                <c:pt idx="515">
                  <c:v>43956</c:v>
                </c:pt>
                <c:pt idx="516">
                  <c:v>43955</c:v>
                </c:pt>
                <c:pt idx="517">
                  <c:v>43952</c:v>
                </c:pt>
                <c:pt idx="518">
                  <c:v>43951</c:v>
                </c:pt>
                <c:pt idx="519">
                  <c:v>43950</c:v>
                </c:pt>
                <c:pt idx="520">
                  <c:v>43949</c:v>
                </c:pt>
                <c:pt idx="521">
                  <c:v>43948</c:v>
                </c:pt>
                <c:pt idx="522">
                  <c:v>43945</c:v>
                </c:pt>
                <c:pt idx="523">
                  <c:v>43944</c:v>
                </c:pt>
                <c:pt idx="524">
                  <c:v>43943</c:v>
                </c:pt>
                <c:pt idx="525">
                  <c:v>43942</c:v>
                </c:pt>
                <c:pt idx="526">
                  <c:v>43941</c:v>
                </c:pt>
                <c:pt idx="527">
                  <c:v>43938</c:v>
                </c:pt>
                <c:pt idx="528">
                  <c:v>43937</c:v>
                </c:pt>
                <c:pt idx="529">
                  <c:v>43936</c:v>
                </c:pt>
                <c:pt idx="530">
                  <c:v>43935</c:v>
                </c:pt>
                <c:pt idx="531">
                  <c:v>43934</c:v>
                </c:pt>
                <c:pt idx="532">
                  <c:v>43930</c:v>
                </c:pt>
                <c:pt idx="533">
                  <c:v>43929</c:v>
                </c:pt>
                <c:pt idx="534">
                  <c:v>43928</c:v>
                </c:pt>
                <c:pt idx="535">
                  <c:v>43927</c:v>
                </c:pt>
                <c:pt idx="536">
                  <c:v>43924</c:v>
                </c:pt>
                <c:pt idx="537">
                  <c:v>43923</c:v>
                </c:pt>
                <c:pt idx="538">
                  <c:v>43922</c:v>
                </c:pt>
                <c:pt idx="539">
                  <c:v>43921</c:v>
                </c:pt>
                <c:pt idx="540">
                  <c:v>43920</c:v>
                </c:pt>
                <c:pt idx="541">
                  <c:v>43917</c:v>
                </c:pt>
                <c:pt idx="542">
                  <c:v>43916</c:v>
                </c:pt>
                <c:pt idx="543">
                  <c:v>43915</c:v>
                </c:pt>
                <c:pt idx="544">
                  <c:v>43914</c:v>
                </c:pt>
                <c:pt idx="545">
                  <c:v>43913</c:v>
                </c:pt>
                <c:pt idx="546">
                  <c:v>43910</c:v>
                </c:pt>
                <c:pt idx="547">
                  <c:v>43909</c:v>
                </c:pt>
                <c:pt idx="548">
                  <c:v>43908</c:v>
                </c:pt>
                <c:pt idx="549">
                  <c:v>43907</c:v>
                </c:pt>
                <c:pt idx="550">
                  <c:v>43906</c:v>
                </c:pt>
                <c:pt idx="551">
                  <c:v>43903</c:v>
                </c:pt>
                <c:pt idx="552">
                  <c:v>43902</c:v>
                </c:pt>
                <c:pt idx="553">
                  <c:v>43901</c:v>
                </c:pt>
                <c:pt idx="554">
                  <c:v>43900</c:v>
                </c:pt>
                <c:pt idx="555">
                  <c:v>43899</c:v>
                </c:pt>
                <c:pt idx="556">
                  <c:v>43896</c:v>
                </c:pt>
                <c:pt idx="557">
                  <c:v>43895</c:v>
                </c:pt>
                <c:pt idx="558">
                  <c:v>43894</c:v>
                </c:pt>
                <c:pt idx="559">
                  <c:v>43893</c:v>
                </c:pt>
                <c:pt idx="560">
                  <c:v>43892</c:v>
                </c:pt>
                <c:pt idx="561">
                  <c:v>43889</c:v>
                </c:pt>
                <c:pt idx="562">
                  <c:v>43888</c:v>
                </c:pt>
                <c:pt idx="563">
                  <c:v>43887</c:v>
                </c:pt>
                <c:pt idx="564">
                  <c:v>43886</c:v>
                </c:pt>
                <c:pt idx="565">
                  <c:v>43885</c:v>
                </c:pt>
                <c:pt idx="566">
                  <c:v>43882</c:v>
                </c:pt>
                <c:pt idx="567">
                  <c:v>43881</c:v>
                </c:pt>
                <c:pt idx="568">
                  <c:v>43880</c:v>
                </c:pt>
                <c:pt idx="569">
                  <c:v>43879</c:v>
                </c:pt>
                <c:pt idx="570">
                  <c:v>43875</c:v>
                </c:pt>
                <c:pt idx="571">
                  <c:v>43874</c:v>
                </c:pt>
                <c:pt idx="572">
                  <c:v>43873</c:v>
                </c:pt>
                <c:pt idx="573">
                  <c:v>43872</c:v>
                </c:pt>
                <c:pt idx="574">
                  <c:v>43871</c:v>
                </c:pt>
                <c:pt idx="575">
                  <c:v>43868</c:v>
                </c:pt>
                <c:pt idx="576">
                  <c:v>43867</c:v>
                </c:pt>
                <c:pt idx="577">
                  <c:v>43866</c:v>
                </c:pt>
                <c:pt idx="578">
                  <c:v>43865</c:v>
                </c:pt>
                <c:pt idx="579">
                  <c:v>43864</c:v>
                </c:pt>
                <c:pt idx="580">
                  <c:v>43861</c:v>
                </c:pt>
                <c:pt idx="581">
                  <c:v>43860</c:v>
                </c:pt>
                <c:pt idx="582">
                  <c:v>43859</c:v>
                </c:pt>
                <c:pt idx="583">
                  <c:v>43858</c:v>
                </c:pt>
                <c:pt idx="584">
                  <c:v>43857</c:v>
                </c:pt>
                <c:pt idx="585">
                  <c:v>43854</c:v>
                </c:pt>
                <c:pt idx="586">
                  <c:v>43853</c:v>
                </c:pt>
                <c:pt idx="587">
                  <c:v>43852</c:v>
                </c:pt>
                <c:pt idx="588">
                  <c:v>43851</c:v>
                </c:pt>
                <c:pt idx="589">
                  <c:v>43847</c:v>
                </c:pt>
                <c:pt idx="590">
                  <c:v>43846</c:v>
                </c:pt>
                <c:pt idx="591">
                  <c:v>43845</c:v>
                </c:pt>
                <c:pt idx="592">
                  <c:v>43844</c:v>
                </c:pt>
                <c:pt idx="593">
                  <c:v>43843</c:v>
                </c:pt>
                <c:pt idx="594">
                  <c:v>43840</c:v>
                </c:pt>
                <c:pt idx="595">
                  <c:v>43839</c:v>
                </c:pt>
                <c:pt idx="596">
                  <c:v>43838</c:v>
                </c:pt>
                <c:pt idx="597">
                  <c:v>43837</c:v>
                </c:pt>
                <c:pt idx="598">
                  <c:v>43836</c:v>
                </c:pt>
                <c:pt idx="599">
                  <c:v>43833</c:v>
                </c:pt>
                <c:pt idx="600">
                  <c:v>43832</c:v>
                </c:pt>
                <c:pt idx="601">
                  <c:v>43830</c:v>
                </c:pt>
                <c:pt idx="602">
                  <c:v>43829</c:v>
                </c:pt>
                <c:pt idx="603">
                  <c:v>43826</c:v>
                </c:pt>
                <c:pt idx="604">
                  <c:v>43825</c:v>
                </c:pt>
                <c:pt idx="605">
                  <c:v>43823</c:v>
                </c:pt>
                <c:pt idx="606">
                  <c:v>43822</c:v>
                </c:pt>
                <c:pt idx="607">
                  <c:v>43819</c:v>
                </c:pt>
                <c:pt idx="608">
                  <c:v>43818</c:v>
                </c:pt>
                <c:pt idx="609">
                  <c:v>43817</c:v>
                </c:pt>
                <c:pt idx="610">
                  <c:v>43816</c:v>
                </c:pt>
                <c:pt idx="611">
                  <c:v>43815</c:v>
                </c:pt>
                <c:pt idx="612">
                  <c:v>43812</c:v>
                </c:pt>
                <c:pt idx="613">
                  <c:v>43811</c:v>
                </c:pt>
                <c:pt idx="614">
                  <c:v>43810</c:v>
                </c:pt>
                <c:pt idx="615">
                  <c:v>43809</c:v>
                </c:pt>
                <c:pt idx="616">
                  <c:v>43808</c:v>
                </c:pt>
                <c:pt idx="617">
                  <c:v>43805</c:v>
                </c:pt>
                <c:pt idx="618">
                  <c:v>43804</c:v>
                </c:pt>
                <c:pt idx="619">
                  <c:v>43803</c:v>
                </c:pt>
                <c:pt idx="620">
                  <c:v>43802</c:v>
                </c:pt>
                <c:pt idx="621">
                  <c:v>43801</c:v>
                </c:pt>
                <c:pt idx="622">
                  <c:v>43798</c:v>
                </c:pt>
                <c:pt idx="623">
                  <c:v>43796</c:v>
                </c:pt>
                <c:pt idx="624">
                  <c:v>43795</c:v>
                </c:pt>
                <c:pt idx="625">
                  <c:v>43794</c:v>
                </c:pt>
                <c:pt idx="626">
                  <c:v>43791</c:v>
                </c:pt>
                <c:pt idx="627">
                  <c:v>43790</c:v>
                </c:pt>
                <c:pt idx="628">
                  <c:v>43789</c:v>
                </c:pt>
                <c:pt idx="629">
                  <c:v>43788</c:v>
                </c:pt>
                <c:pt idx="630">
                  <c:v>43787</c:v>
                </c:pt>
                <c:pt idx="631">
                  <c:v>43784</c:v>
                </c:pt>
                <c:pt idx="632">
                  <c:v>43783</c:v>
                </c:pt>
                <c:pt idx="633">
                  <c:v>43782</c:v>
                </c:pt>
                <c:pt idx="634">
                  <c:v>43781</c:v>
                </c:pt>
                <c:pt idx="635">
                  <c:v>43777</c:v>
                </c:pt>
                <c:pt idx="636">
                  <c:v>43776</c:v>
                </c:pt>
                <c:pt idx="637">
                  <c:v>43775</c:v>
                </c:pt>
                <c:pt idx="638">
                  <c:v>43774</c:v>
                </c:pt>
                <c:pt idx="639">
                  <c:v>43773</c:v>
                </c:pt>
                <c:pt idx="640">
                  <c:v>43770</c:v>
                </c:pt>
                <c:pt idx="641">
                  <c:v>43769</c:v>
                </c:pt>
                <c:pt idx="642">
                  <c:v>43768</c:v>
                </c:pt>
                <c:pt idx="643">
                  <c:v>43767</c:v>
                </c:pt>
                <c:pt idx="644">
                  <c:v>43766</c:v>
                </c:pt>
                <c:pt idx="645">
                  <c:v>43763</c:v>
                </c:pt>
                <c:pt idx="646">
                  <c:v>43762</c:v>
                </c:pt>
                <c:pt idx="647">
                  <c:v>43761</c:v>
                </c:pt>
                <c:pt idx="648">
                  <c:v>43760</c:v>
                </c:pt>
                <c:pt idx="649">
                  <c:v>43759</c:v>
                </c:pt>
                <c:pt idx="650">
                  <c:v>43756</c:v>
                </c:pt>
                <c:pt idx="651">
                  <c:v>43755</c:v>
                </c:pt>
                <c:pt idx="652">
                  <c:v>43754</c:v>
                </c:pt>
                <c:pt idx="653">
                  <c:v>43753</c:v>
                </c:pt>
                <c:pt idx="654">
                  <c:v>43749</c:v>
                </c:pt>
                <c:pt idx="655">
                  <c:v>43748</c:v>
                </c:pt>
                <c:pt idx="656">
                  <c:v>43747</c:v>
                </c:pt>
                <c:pt idx="657">
                  <c:v>43746</c:v>
                </c:pt>
                <c:pt idx="658">
                  <c:v>43745</c:v>
                </c:pt>
                <c:pt idx="659">
                  <c:v>43742</c:v>
                </c:pt>
                <c:pt idx="660">
                  <c:v>43741</c:v>
                </c:pt>
                <c:pt idx="661">
                  <c:v>43740</c:v>
                </c:pt>
                <c:pt idx="662">
                  <c:v>43739</c:v>
                </c:pt>
                <c:pt idx="663">
                  <c:v>43738</c:v>
                </c:pt>
                <c:pt idx="664">
                  <c:v>43735</c:v>
                </c:pt>
                <c:pt idx="665">
                  <c:v>43734</c:v>
                </c:pt>
                <c:pt idx="666">
                  <c:v>43733</c:v>
                </c:pt>
                <c:pt idx="667">
                  <c:v>43732</c:v>
                </c:pt>
                <c:pt idx="668">
                  <c:v>43731</c:v>
                </c:pt>
                <c:pt idx="669">
                  <c:v>43728</c:v>
                </c:pt>
                <c:pt idx="670">
                  <c:v>43727</c:v>
                </c:pt>
                <c:pt idx="671">
                  <c:v>43726</c:v>
                </c:pt>
                <c:pt idx="672">
                  <c:v>43725</c:v>
                </c:pt>
                <c:pt idx="673">
                  <c:v>43724</c:v>
                </c:pt>
                <c:pt idx="674">
                  <c:v>43721</c:v>
                </c:pt>
                <c:pt idx="675">
                  <c:v>43720</c:v>
                </c:pt>
                <c:pt idx="676">
                  <c:v>43719</c:v>
                </c:pt>
                <c:pt idx="677">
                  <c:v>43718</c:v>
                </c:pt>
                <c:pt idx="678">
                  <c:v>43717</c:v>
                </c:pt>
                <c:pt idx="679">
                  <c:v>43714</c:v>
                </c:pt>
                <c:pt idx="680">
                  <c:v>43713</c:v>
                </c:pt>
                <c:pt idx="681">
                  <c:v>43712</c:v>
                </c:pt>
                <c:pt idx="682">
                  <c:v>43711</c:v>
                </c:pt>
                <c:pt idx="683">
                  <c:v>43707</c:v>
                </c:pt>
                <c:pt idx="684">
                  <c:v>43706</c:v>
                </c:pt>
                <c:pt idx="685">
                  <c:v>43705</c:v>
                </c:pt>
                <c:pt idx="686">
                  <c:v>43704</c:v>
                </c:pt>
                <c:pt idx="687">
                  <c:v>43703</c:v>
                </c:pt>
                <c:pt idx="688">
                  <c:v>43700</c:v>
                </c:pt>
                <c:pt idx="689">
                  <c:v>43699</c:v>
                </c:pt>
                <c:pt idx="690">
                  <c:v>43698</c:v>
                </c:pt>
                <c:pt idx="691">
                  <c:v>43697</c:v>
                </c:pt>
                <c:pt idx="692">
                  <c:v>43696</c:v>
                </c:pt>
                <c:pt idx="693">
                  <c:v>43693</c:v>
                </c:pt>
                <c:pt idx="694">
                  <c:v>43692</c:v>
                </c:pt>
                <c:pt idx="695">
                  <c:v>43691</c:v>
                </c:pt>
                <c:pt idx="696">
                  <c:v>43690</c:v>
                </c:pt>
                <c:pt idx="697">
                  <c:v>43689</c:v>
                </c:pt>
                <c:pt idx="698">
                  <c:v>43686</c:v>
                </c:pt>
                <c:pt idx="699">
                  <c:v>43685</c:v>
                </c:pt>
                <c:pt idx="700">
                  <c:v>43684</c:v>
                </c:pt>
                <c:pt idx="701">
                  <c:v>43683</c:v>
                </c:pt>
                <c:pt idx="702">
                  <c:v>43682</c:v>
                </c:pt>
                <c:pt idx="703">
                  <c:v>43679</c:v>
                </c:pt>
                <c:pt idx="704">
                  <c:v>43678</c:v>
                </c:pt>
                <c:pt idx="705">
                  <c:v>43677</c:v>
                </c:pt>
                <c:pt idx="706">
                  <c:v>43676</c:v>
                </c:pt>
                <c:pt idx="707">
                  <c:v>43675</c:v>
                </c:pt>
                <c:pt idx="708">
                  <c:v>43672</c:v>
                </c:pt>
                <c:pt idx="709">
                  <c:v>43671</c:v>
                </c:pt>
                <c:pt idx="710">
                  <c:v>43670</c:v>
                </c:pt>
                <c:pt idx="711">
                  <c:v>43669</c:v>
                </c:pt>
                <c:pt idx="712">
                  <c:v>43668</c:v>
                </c:pt>
                <c:pt idx="713">
                  <c:v>43665</c:v>
                </c:pt>
                <c:pt idx="714">
                  <c:v>43664</c:v>
                </c:pt>
                <c:pt idx="715">
                  <c:v>43663</c:v>
                </c:pt>
                <c:pt idx="716">
                  <c:v>43662</c:v>
                </c:pt>
                <c:pt idx="717">
                  <c:v>43661</c:v>
                </c:pt>
                <c:pt idx="718">
                  <c:v>43658</c:v>
                </c:pt>
                <c:pt idx="719">
                  <c:v>43657</c:v>
                </c:pt>
                <c:pt idx="720">
                  <c:v>43656</c:v>
                </c:pt>
                <c:pt idx="721">
                  <c:v>43655</c:v>
                </c:pt>
                <c:pt idx="722">
                  <c:v>43654</c:v>
                </c:pt>
                <c:pt idx="723">
                  <c:v>43651</c:v>
                </c:pt>
                <c:pt idx="724">
                  <c:v>43649</c:v>
                </c:pt>
                <c:pt idx="725">
                  <c:v>43648</c:v>
                </c:pt>
                <c:pt idx="726">
                  <c:v>43647</c:v>
                </c:pt>
                <c:pt idx="727">
                  <c:v>43644</c:v>
                </c:pt>
                <c:pt idx="728">
                  <c:v>43643</c:v>
                </c:pt>
                <c:pt idx="729">
                  <c:v>43642</c:v>
                </c:pt>
                <c:pt idx="730">
                  <c:v>43641</c:v>
                </c:pt>
                <c:pt idx="731">
                  <c:v>43640</c:v>
                </c:pt>
                <c:pt idx="732">
                  <c:v>43637</c:v>
                </c:pt>
                <c:pt idx="733">
                  <c:v>43636</c:v>
                </c:pt>
                <c:pt idx="734">
                  <c:v>43635</c:v>
                </c:pt>
                <c:pt idx="735">
                  <c:v>43634</c:v>
                </c:pt>
                <c:pt idx="736">
                  <c:v>43633</c:v>
                </c:pt>
                <c:pt idx="737">
                  <c:v>43630</c:v>
                </c:pt>
                <c:pt idx="738">
                  <c:v>43629</c:v>
                </c:pt>
                <c:pt idx="739">
                  <c:v>43628</c:v>
                </c:pt>
                <c:pt idx="740">
                  <c:v>43627</c:v>
                </c:pt>
                <c:pt idx="741">
                  <c:v>43626</c:v>
                </c:pt>
                <c:pt idx="742">
                  <c:v>43623</c:v>
                </c:pt>
                <c:pt idx="743">
                  <c:v>43622</c:v>
                </c:pt>
                <c:pt idx="744">
                  <c:v>43621</c:v>
                </c:pt>
                <c:pt idx="745">
                  <c:v>43620</c:v>
                </c:pt>
                <c:pt idx="746">
                  <c:v>43619</c:v>
                </c:pt>
                <c:pt idx="747">
                  <c:v>43616</c:v>
                </c:pt>
                <c:pt idx="748">
                  <c:v>43615</c:v>
                </c:pt>
                <c:pt idx="749">
                  <c:v>43614</c:v>
                </c:pt>
                <c:pt idx="750">
                  <c:v>43613</c:v>
                </c:pt>
                <c:pt idx="751">
                  <c:v>43609</c:v>
                </c:pt>
                <c:pt idx="752">
                  <c:v>43608</c:v>
                </c:pt>
                <c:pt idx="753">
                  <c:v>43607</c:v>
                </c:pt>
                <c:pt idx="754">
                  <c:v>43606</c:v>
                </c:pt>
                <c:pt idx="755">
                  <c:v>43605</c:v>
                </c:pt>
                <c:pt idx="756">
                  <c:v>43602</c:v>
                </c:pt>
                <c:pt idx="757">
                  <c:v>43601</c:v>
                </c:pt>
                <c:pt idx="758">
                  <c:v>43600</c:v>
                </c:pt>
                <c:pt idx="759">
                  <c:v>43599</c:v>
                </c:pt>
                <c:pt idx="760">
                  <c:v>43598</c:v>
                </c:pt>
                <c:pt idx="761">
                  <c:v>43595</c:v>
                </c:pt>
                <c:pt idx="762">
                  <c:v>43594</c:v>
                </c:pt>
                <c:pt idx="763">
                  <c:v>43593</c:v>
                </c:pt>
                <c:pt idx="764">
                  <c:v>43592</c:v>
                </c:pt>
                <c:pt idx="765">
                  <c:v>43591</c:v>
                </c:pt>
                <c:pt idx="766">
                  <c:v>43588</c:v>
                </c:pt>
                <c:pt idx="767">
                  <c:v>43587</c:v>
                </c:pt>
                <c:pt idx="768">
                  <c:v>43586</c:v>
                </c:pt>
                <c:pt idx="769">
                  <c:v>43585</c:v>
                </c:pt>
                <c:pt idx="770">
                  <c:v>43584</c:v>
                </c:pt>
                <c:pt idx="771">
                  <c:v>43581</c:v>
                </c:pt>
                <c:pt idx="772">
                  <c:v>43580</c:v>
                </c:pt>
                <c:pt idx="773">
                  <c:v>43579</c:v>
                </c:pt>
                <c:pt idx="774">
                  <c:v>43578</c:v>
                </c:pt>
                <c:pt idx="775">
                  <c:v>43577</c:v>
                </c:pt>
                <c:pt idx="776">
                  <c:v>43573</c:v>
                </c:pt>
                <c:pt idx="777">
                  <c:v>43572</c:v>
                </c:pt>
                <c:pt idx="778">
                  <c:v>43571</c:v>
                </c:pt>
                <c:pt idx="779">
                  <c:v>43570</c:v>
                </c:pt>
                <c:pt idx="780">
                  <c:v>43567</c:v>
                </c:pt>
                <c:pt idx="781">
                  <c:v>43566</c:v>
                </c:pt>
                <c:pt idx="782">
                  <c:v>43565</c:v>
                </c:pt>
                <c:pt idx="783">
                  <c:v>43564</c:v>
                </c:pt>
                <c:pt idx="784">
                  <c:v>43563</c:v>
                </c:pt>
                <c:pt idx="785">
                  <c:v>43560</c:v>
                </c:pt>
                <c:pt idx="786">
                  <c:v>43559</c:v>
                </c:pt>
                <c:pt idx="787">
                  <c:v>43558</c:v>
                </c:pt>
                <c:pt idx="788">
                  <c:v>43557</c:v>
                </c:pt>
                <c:pt idx="789">
                  <c:v>43556</c:v>
                </c:pt>
                <c:pt idx="790">
                  <c:v>43553</c:v>
                </c:pt>
                <c:pt idx="791">
                  <c:v>43552</c:v>
                </c:pt>
                <c:pt idx="792">
                  <c:v>43551</c:v>
                </c:pt>
                <c:pt idx="793">
                  <c:v>43550</c:v>
                </c:pt>
                <c:pt idx="794">
                  <c:v>43549</c:v>
                </c:pt>
                <c:pt idx="795">
                  <c:v>43546</c:v>
                </c:pt>
                <c:pt idx="796">
                  <c:v>43545</c:v>
                </c:pt>
                <c:pt idx="797">
                  <c:v>43544</c:v>
                </c:pt>
                <c:pt idx="798">
                  <c:v>43543</c:v>
                </c:pt>
                <c:pt idx="799">
                  <c:v>43542</c:v>
                </c:pt>
                <c:pt idx="800">
                  <c:v>43539</c:v>
                </c:pt>
                <c:pt idx="801">
                  <c:v>43538</c:v>
                </c:pt>
                <c:pt idx="802">
                  <c:v>43537</c:v>
                </c:pt>
                <c:pt idx="803">
                  <c:v>43536</c:v>
                </c:pt>
                <c:pt idx="804">
                  <c:v>43535</c:v>
                </c:pt>
                <c:pt idx="805">
                  <c:v>43532</c:v>
                </c:pt>
                <c:pt idx="806">
                  <c:v>43531</c:v>
                </c:pt>
                <c:pt idx="807">
                  <c:v>43530</c:v>
                </c:pt>
                <c:pt idx="808">
                  <c:v>43529</c:v>
                </c:pt>
                <c:pt idx="809">
                  <c:v>43528</c:v>
                </c:pt>
                <c:pt idx="810">
                  <c:v>43525</c:v>
                </c:pt>
                <c:pt idx="811">
                  <c:v>43524</c:v>
                </c:pt>
                <c:pt idx="812">
                  <c:v>43523</c:v>
                </c:pt>
                <c:pt idx="813">
                  <c:v>43522</c:v>
                </c:pt>
                <c:pt idx="814">
                  <c:v>43521</c:v>
                </c:pt>
                <c:pt idx="815">
                  <c:v>43518</c:v>
                </c:pt>
                <c:pt idx="816">
                  <c:v>43517</c:v>
                </c:pt>
                <c:pt idx="817">
                  <c:v>43516</c:v>
                </c:pt>
                <c:pt idx="818">
                  <c:v>43515</c:v>
                </c:pt>
                <c:pt idx="819">
                  <c:v>43511</c:v>
                </c:pt>
                <c:pt idx="820">
                  <c:v>43510</c:v>
                </c:pt>
                <c:pt idx="821">
                  <c:v>43509</c:v>
                </c:pt>
                <c:pt idx="822">
                  <c:v>43508</c:v>
                </c:pt>
                <c:pt idx="823">
                  <c:v>43507</c:v>
                </c:pt>
                <c:pt idx="824">
                  <c:v>43504</c:v>
                </c:pt>
                <c:pt idx="825">
                  <c:v>43503</c:v>
                </c:pt>
                <c:pt idx="826">
                  <c:v>43502</c:v>
                </c:pt>
                <c:pt idx="827">
                  <c:v>43501</c:v>
                </c:pt>
                <c:pt idx="828">
                  <c:v>43500</c:v>
                </c:pt>
                <c:pt idx="829">
                  <c:v>43497</c:v>
                </c:pt>
                <c:pt idx="830">
                  <c:v>43496</c:v>
                </c:pt>
                <c:pt idx="831">
                  <c:v>43495</c:v>
                </c:pt>
                <c:pt idx="832">
                  <c:v>43494</c:v>
                </c:pt>
                <c:pt idx="833">
                  <c:v>43493</c:v>
                </c:pt>
                <c:pt idx="834">
                  <c:v>43490</c:v>
                </c:pt>
                <c:pt idx="835">
                  <c:v>43489</c:v>
                </c:pt>
                <c:pt idx="836">
                  <c:v>43488</c:v>
                </c:pt>
                <c:pt idx="837">
                  <c:v>43487</c:v>
                </c:pt>
                <c:pt idx="838">
                  <c:v>43483</c:v>
                </c:pt>
                <c:pt idx="839">
                  <c:v>43482</c:v>
                </c:pt>
                <c:pt idx="840">
                  <c:v>43481</c:v>
                </c:pt>
                <c:pt idx="841">
                  <c:v>43480</c:v>
                </c:pt>
                <c:pt idx="842">
                  <c:v>43479</c:v>
                </c:pt>
                <c:pt idx="843">
                  <c:v>43476</c:v>
                </c:pt>
                <c:pt idx="844">
                  <c:v>43475</c:v>
                </c:pt>
                <c:pt idx="845">
                  <c:v>43474</c:v>
                </c:pt>
                <c:pt idx="846">
                  <c:v>43473</c:v>
                </c:pt>
                <c:pt idx="847">
                  <c:v>43472</c:v>
                </c:pt>
                <c:pt idx="848">
                  <c:v>43469</c:v>
                </c:pt>
                <c:pt idx="849">
                  <c:v>43468</c:v>
                </c:pt>
                <c:pt idx="850">
                  <c:v>43467</c:v>
                </c:pt>
                <c:pt idx="851">
                  <c:v>43465</c:v>
                </c:pt>
                <c:pt idx="852">
                  <c:v>43462</c:v>
                </c:pt>
                <c:pt idx="853">
                  <c:v>43461</c:v>
                </c:pt>
                <c:pt idx="854">
                  <c:v>43460</c:v>
                </c:pt>
                <c:pt idx="855">
                  <c:v>43458</c:v>
                </c:pt>
                <c:pt idx="856">
                  <c:v>43455</c:v>
                </c:pt>
                <c:pt idx="857">
                  <c:v>43454</c:v>
                </c:pt>
                <c:pt idx="858">
                  <c:v>43453</c:v>
                </c:pt>
                <c:pt idx="859">
                  <c:v>43452</c:v>
                </c:pt>
                <c:pt idx="860">
                  <c:v>43451</c:v>
                </c:pt>
                <c:pt idx="861">
                  <c:v>43448</c:v>
                </c:pt>
                <c:pt idx="862">
                  <c:v>43447</c:v>
                </c:pt>
                <c:pt idx="863">
                  <c:v>43446</c:v>
                </c:pt>
                <c:pt idx="864">
                  <c:v>43445</c:v>
                </c:pt>
                <c:pt idx="865">
                  <c:v>43444</c:v>
                </c:pt>
                <c:pt idx="866">
                  <c:v>43441</c:v>
                </c:pt>
                <c:pt idx="867">
                  <c:v>43440</c:v>
                </c:pt>
                <c:pt idx="868">
                  <c:v>43439</c:v>
                </c:pt>
                <c:pt idx="869">
                  <c:v>43438</c:v>
                </c:pt>
                <c:pt idx="870">
                  <c:v>43437</c:v>
                </c:pt>
                <c:pt idx="871">
                  <c:v>43434</c:v>
                </c:pt>
                <c:pt idx="872">
                  <c:v>43433</c:v>
                </c:pt>
                <c:pt idx="873">
                  <c:v>43432</c:v>
                </c:pt>
                <c:pt idx="874">
                  <c:v>43431</c:v>
                </c:pt>
                <c:pt idx="875">
                  <c:v>43430</c:v>
                </c:pt>
                <c:pt idx="876">
                  <c:v>43427</c:v>
                </c:pt>
                <c:pt idx="877">
                  <c:v>43425</c:v>
                </c:pt>
                <c:pt idx="878">
                  <c:v>43424</c:v>
                </c:pt>
                <c:pt idx="879">
                  <c:v>43423</c:v>
                </c:pt>
                <c:pt idx="880">
                  <c:v>43420</c:v>
                </c:pt>
                <c:pt idx="881">
                  <c:v>43419</c:v>
                </c:pt>
                <c:pt idx="882">
                  <c:v>43418</c:v>
                </c:pt>
                <c:pt idx="883">
                  <c:v>43417</c:v>
                </c:pt>
                <c:pt idx="884">
                  <c:v>43413</c:v>
                </c:pt>
                <c:pt idx="885">
                  <c:v>43412</c:v>
                </c:pt>
                <c:pt idx="886">
                  <c:v>43411</c:v>
                </c:pt>
                <c:pt idx="887">
                  <c:v>43410</c:v>
                </c:pt>
                <c:pt idx="888">
                  <c:v>43409</c:v>
                </c:pt>
                <c:pt idx="889">
                  <c:v>43406</c:v>
                </c:pt>
                <c:pt idx="890">
                  <c:v>43405</c:v>
                </c:pt>
                <c:pt idx="891">
                  <c:v>43404</c:v>
                </c:pt>
                <c:pt idx="892">
                  <c:v>43403</c:v>
                </c:pt>
                <c:pt idx="893">
                  <c:v>43402</c:v>
                </c:pt>
                <c:pt idx="894">
                  <c:v>43399</c:v>
                </c:pt>
                <c:pt idx="895">
                  <c:v>43398</c:v>
                </c:pt>
                <c:pt idx="896">
                  <c:v>43397</c:v>
                </c:pt>
                <c:pt idx="897">
                  <c:v>43396</c:v>
                </c:pt>
                <c:pt idx="898">
                  <c:v>43395</c:v>
                </c:pt>
                <c:pt idx="899">
                  <c:v>43392</c:v>
                </c:pt>
                <c:pt idx="900">
                  <c:v>43391</c:v>
                </c:pt>
                <c:pt idx="901">
                  <c:v>43390</c:v>
                </c:pt>
                <c:pt idx="902">
                  <c:v>43389</c:v>
                </c:pt>
                <c:pt idx="903">
                  <c:v>43388</c:v>
                </c:pt>
                <c:pt idx="904">
                  <c:v>43385</c:v>
                </c:pt>
                <c:pt idx="905">
                  <c:v>43384</c:v>
                </c:pt>
                <c:pt idx="906">
                  <c:v>43383</c:v>
                </c:pt>
                <c:pt idx="907">
                  <c:v>43382</c:v>
                </c:pt>
                <c:pt idx="908">
                  <c:v>43378</c:v>
                </c:pt>
                <c:pt idx="909">
                  <c:v>43377</c:v>
                </c:pt>
                <c:pt idx="910">
                  <c:v>43376</c:v>
                </c:pt>
                <c:pt idx="911">
                  <c:v>43375</c:v>
                </c:pt>
                <c:pt idx="912">
                  <c:v>43374</c:v>
                </c:pt>
                <c:pt idx="913">
                  <c:v>43371</c:v>
                </c:pt>
                <c:pt idx="914">
                  <c:v>43370</c:v>
                </c:pt>
                <c:pt idx="915">
                  <c:v>43369</c:v>
                </c:pt>
                <c:pt idx="916">
                  <c:v>43368</c:v>
                </c:pt>
                <c:pt idx="917">
                  <c:v>43367</c:v>
                </c:pt>
                <c:pt idx="918">
                  <c:v>43364</c:v>
                </c:pt>
                <c:pt idx="919">
                  <c:v>43363</c:v>
                </c:pt>
                <c:pt idx="920">
                  <c:v>43362</c:v>
                </c:pt>
                <c:pt idx="921">
                  <c:v>43361</c:v>
                </c:pt>
                <c:pt idx="922">
                  <c:v>43360</c:v>
                </c:pt>
                <c:pt idx="923">
                  <c:v>43357</c:v>
                </c:pt>
                <c:pt idx="924">
                  <c:v>43356</c:v>
                </c:pt>
                <c:pt idx="925">
                  <c:v>43355</c:v>
                </c:pt>
                <c:pt idx="926">
                  <c:v>43354</c:v>
                </c:pt>
                <c:pt idx="927">
                  <c:v>43353</c:v>
                </c:pt>
                <c:pt idx="928">
                  <c:v>43350</c:v>
                </c:pt>
                <c:pt idx="929">
                  <c:v>43349</c:v>
                </c:pt>
                <c:pt idx="930">
                  <c:v>43348</c:v>
                </c:pt>
                <c:pt idx="931">
                  <c:v>43347</c:v>
                </c:pt>
                <c:pt idx="932">
                  <c:v>43343</c:v>
                </c:pt>
                <c:pt idx="933">
                  <c:v>43342</c:v>
                </c:pt>
                <c:pt idx="934">
                  <c:v>43341</c:v>
                </c:pt>
                <c:pt idx="935">
                  <c:v>43340</c:v>
                </c:pt>
                <c:pt idx="936">
                  <c:v>43339</c:v>
                </c:pt>
                <c:pt idx="937">
                  <c:v>43336</c:v>
                </c:pt>
                <c:pt idx="938">
                  <c:v>43335</c:v>
                </c:pt>
                <c:pt idx="939">
                  <c:v>43334</c:v>
                </c:pt>
                <c:pt idx="940">
                  <c:v>43333</c:v>
                </c:pt>
                <c:pt idx="941">
                  <c:v>43332</c:v>
                </c:pt>
                <c:pt idx="942">
                  <c:v>43329</c:v>
                </c:pt>
                <c:pt idx="943">
                  <c:v>43328</c:v>
                </c:pt>
                <c:pt idx="944">
                  <c:v>43327</c:v>
                </c:pt>
                <c:pt idx="945">
                  <c:v>43326</c:v>
                </c:pt>
                <c:pt idx="946">
                  <c:v>43325</c:v>
                </c:pt>
                <c:pt idx="947">
                  <c:v>43322</c:v>
                </c:pt>
                <c:pt idx="948">
                  <c:v>43321</c:v>
                </c:pt>
                <c:pt idx="949">
                  <c:v>43320</c:v>
                </c:pt>
                <c:pt idx="950">
                  <c:v>43319</c:v>
                </c:pt>
                <c:pt idx="951">
                  <c:v>43318</c:v>
                </c:pt>
                <c:pt idx="952">
                  <c:v>43315</c:v>
                </c:pt>
                <c:pt idx="953">
                  <c:v>43314</c:v>
                </c:pt>
                <c:pt idx="954">
                  <c:v>43313</c:v>
                </c:pt>
                <c:pt idx="955">
                  <c:v>43312</c:v>
                </c:pt>
                <c:pt idx="956">
                  <c:v>43311</c:v>
                </c:pt>
                <c:pt idx="957">
                  <c:v>43308</c:v>
                </c:pt>
                <c:pt idx="958">
                  <c:v>43307</c:v>
                </c:pt>
                <c:pt idx="959">
                  <c:v>43306</c:v>
                </c:pt>
                <c:pt idx="960">
                  <c:v>43305</c:v>
                </c:pt>
                <c:pt idx="961">
                  <c:v>43304</c:v>
                </c:pt>
                <c:pt idx="962">
                  <c:v>43301</c:v>
                </c:pt>
                <c:pt idx="963">
                  <c:v>43300</c:v>
                </c:pt>
                <c:pt idx="964">
                  <c:v>43299</c:v>
                </c:pt>
                <c:pt idx="965">
                  <c:v>43298</c:v>
                </c:pt>
                <c:pt idx="966">
                  <c:v>43297</c:v>
                </c:pt>
                <c:pt idx="967">
                  <c:v>43294</c:v>
                </c:pt>
                <c:pt idx="968">
                  <c:v>43293</c:v>
                </c:pt>
                <c:pt idx="969">
                  <c:v>43292</c:v>
                </c:pt>
                <c:pt idx="970">
                  <c:v>43291</c:v>
                </c:pt>
                <c:pt idx="971">
                  <c:v>43290</c:v>
                </c:pt>
                <c:pt idx="972">
                  <c:v>43287</c:v>
                </c:pt>
                <c:pt idx="973">
                  <c:v>43286</c:v>
                </c:pt>
                <c:pt idx="974">
                  <c:v>43284</c:v>
                </c:pt>
                <c:pt idx="975">
                  <c:v>43283</c:v>
                </c:pt>
                <c:pt idx="976">
                  <c:v>43280</c:v>
                </c:pt>
                <c:pt idx="977">
                  <c:v>43279</c:v>
                </c:pt>
                <c:pt idx="978">
                  <c:v>43278</c:v>
                </c:pt>
                <c:pt idx="979">
                  <c:v>43277</c:v>
                </c:pt>
                <c:pt idx="980">
                  <c:v>43276</c:v>
                </c:pt>
                <c:pt idx="981">
                  <c:v>43273</c:v>
                </c:pt>
                <c:pt idx="982">
                  <c:v>43272</c:v>
                </c:pt>
                <c:pt idx="983">
                  <c:v>43271</c:v>
                </c:pt>
                <c:pt idx="984">
                  <c:v>43270</c:v>
                </c:pt>
                <c:pt idx="985">
                  <c:v>43269</c:v>
                </c:pt>
                <c:pt idx="986">
                  <c:v>43266</c:v>
                </c:pt>
                <c:pt idx="987">
                  <c:v>43265</c:v>
                </c:pt>
                <c:pt idx="988">
                  <c:v>43264</c:v>
                </c:pt>
                <c:pt idx="989">
                  <c:v>43263</c:v>
                </c:pt>
                <c:pt idx="990">
                  <c:v>43262</c:v>
                </c:pt>
                <c:pt idx="991">
                  <c:v>43259</c:v>
                </c:pt>
                <c:pt idx="992">
                  <c:v>43258</c:v>
                </c:pt>
                <c:pt idx="993">
                  <c:v>43257</c:v>
                </c:pt>
                <c:pt idx="994">
                  <c:v>43256</c:v>
                </c:pt>
                <c:pt idx="995">
                  <c:v>43255</c:v>
                </c:pt>
                <c:pt idx="996">
                  <c:v>43252</c:v>
                </c:pt>
                <c:pt idx="997">
                  <c:v>43251</c:v>
                </c:pt>
                <c:pt idx="998">
                  <c:v>43250</c:v>
                </c:pt>
                <c:pt idx="999">
                  <c:v>43249</c:v>
                </c:pt>
                <c:pt idx="1000">
                  <c:v>43245</c:v>
                </c:pt>
                <c:pt idx="1001">
                  <c:v>43244</c:v>
                </c:pt>
                <c:pt idx="1002">
                  <c:v>43243</c:v>
                </c:pt>
                <c:pt idx="1003">
                  <c:v>43242</c:v>
                </c:pt>
                <c:pt idx="1004">
                  <c:v>43241</c:v>
                </c:pt>
                <c:pt idx="1005">
                  <c:v>43238</c:v>
                </c:pt>
                <c:pt idx="1006">
                  <c:v>43237</c:v>
                </c:pt>
                <c:pt idx="1007">
                  <c:v>43236</c:v>
                </c:pt>
                <c:pt idx="1008">
                  <c:v>43235</c:v>
                </c:pt>
                <c:pt idx="1009">
                  <c:v>43234</c:v>
                </c:pt>
                <c:pt idx="1010">
                  <c:v>43231</c:v>
                </c:pt>
                <c:pt idx="1011">
                  <c:v>43230</c:v>
                </c:pt>
                <c:pt idx="1012">
                  <c:v>43229</c:v>
                </c:pt>
                <c:pt idx="1013">
                  <c:v>43228</c:v>
                </c:pt>
                <c:pt idx="1014">
                  <c:v>43227</c:v>
                </c:pt>
                <c:pt idx="1015">
                  <c:v>43224</c:v>
                </c:pt>
                <c:pt idx="1016">
                  <c:v>43223</c:v>
                </c:pt>
                <c:pt idx="1017">
                  <c:v>43222</c:v>
                </c:pt>
                <c:pt idx="1018">
                  <c:v>43221</c:v>
                </c:pt>
                <c:pt idx="1019">
                  <c:v>43220</c:v>
                </c:pt>
                <c:pt idx="1020">
                  <c:v>43217</c:v>
                </c:pt>
                <c:pt idx="1021">
                  <c:v>43216</c:v>
                </c:pt>
                <c:pt idx="1022">
                  <c:v>43215</c:v>
                </c:pt>
                <c:pt idx="1023">
                  <c:v>43214</c:v>
                </c:pt>
                <c:pt idx="1024">
                  <c:v>43213</c:v>
                </c:pt>
                <c:pt idx="1025">
                  <c:v>43210</c:v>
                </c:pt>
                <c:pt idx="1026">
                  <c:v>43209</c:v>
                </c:pt>
                <c:pt idx="1027">
                  <c:v>43208</c:v>
                </c:pt>
                <c:pt idx="1028">
                  <c:v>43207</c:v>
                </c:pt>
                <c:pt idx="1029">
                  <c:v>43206</c:v>
                </c:pt>
                <c:pt idx="1030">
                  <c:v>43203</c:v>
                </c:pt>
                <c:pt idx="1031">
                  <c:v>43202</c:v>
                </c:pt>
                <c:pt idx="1032">
                  <c:v>43201</c:v>
                </c:pt>
                <c:pt idx="1033">
                  <c:v>43200</c:v>
                </c:pt>
                <c:pt idx="1034">
                  <c:v>43199</c:v>
                </c:pt>
                <c:pt idx="1035">
                  <c:v>43196</c:v>
                </c:pt>
                <c:pt idx="1036">
                  <c:v>43195</c:v>
                </c:pt>
                <c:pt idx="1037">
                  <c:v>43194</c:v>
                </c:pt>
                <c:pt idx="1038">
                  <c:v>43193</c:v>
                </c:pt>
                <c:pt idx="1039">
                  <c:v>43192</c:v>
                </c:pt>
                <c:pt idx="1040">
                  <c:v>43188</c:v>
                </c:pt>
                <c:pt idx="1041">
                  <c:v>43187</c:v>
                </c:pt>
                <c:pt idx="1042">
                  <c:v>43186</c:v>
                </c:pt>
                <c:pt idx="1043">
                  <c:v>43185</c:v>
                </c:pt>
                <c:pt idx="1044">
                  <c:v>43182</c:v>
                </c:pt>
                <c:pt idx="1045">
                  <c:v>43181</c:v>
                </c:pt>
                <c:pt idx="1046">
                  <c:v>43180</c:v>
                </c:pt>
                <c:pt idx="1047">
                  <c:v>43179</c:v>
                </c:pt>
                <c:pt idx="1048">
                  <c:v>43178</c:v>
                </c:pt>
                <c:pt idx="1049">
                  <c:v>43175</c:v>
                </c:pt>
                <c:pt idx="1050">
                  <c:v>43174</c:v>
                </c:pt>
                <c:pt idx="1051">
                  <c:v>43173</c:v>
                </c:pt>
                <c:pt idx="1052">
                  <c:v>43172</c:v>
                </c:pt>
                <c:pt idx="1053">
                  <c:v>43171</c:v>
                </c:pt>
                <c:pt idx="1054">
                  <c:v>43168</c:v>
                </c:pt>
                <c:pt idx="1055">
                  <c:v>43167</c:v>
                </c:pt>
                <c:pt idx="1056">
                  <c:v>43166</c:v>
                </c:pt>
                <c:pt idx="1057">
                  <c:v>43165</c:v>
                </c:pt>
                <c:pt idx="1058">
                  <c:v>43164</c:v>
                </c:pt>
                <c:pt idx="1059">
                  <c:v>43161</c:v>
                </c:pt>
                <c:pt idx="1060">
                  <c:v>43160</c:v>
                </c:pt>
                <c:pt idx="1061">
                  <c:v>43159</c:v>
                </c:pt>
                <c:pt idx="1062">
                  <c:v>43158</c:v>
                </c:pt>
                <c:pt idx="1063">
                  <c:v>43157</c:v>
                </c:pt>
                <c:pt idx="1064">
                  <c:v>43154</c:v>
                </c:pt>
                <c:pt idx="1065">
                  <c:v>43153</c:v>
                </c:pt>
                <c:pt idx="1066">
                  <c:v>43152</c:v>
                </c:pt>
                <c:pt idx="1067">
                  <c:v>43151</c:v>
                </c:pt>
                <c:pt idx="1068">
                  <c:v>43147</c:v>
                </c:pt>
                <c:pt idx="1069">
                  <c:v>43146</c:v>
                </c:pt>
                <c:pt idx="1070">
                  <c:v>43145</c:v>
                </c:pt>
                <c:pt idx="1071">
                  <c:v>43144</c:v>
                </c:pt>
                <c:pt idx="1072">
                  <c:v>43143</c:v>
                </c:pt>
                <c:pt idx="1073">
                  <c:v>43140</c:v>
                </c:pt>
                <c:pt idx="1074">
                  <c:v>43139</c:v>
                </c:pt>
                <c:pt idx="1075">
                  <c:v>43138</c:v>
                </c:pt>
                <c:pt idx="1076">
                  <c:v>43137</c:v>
                </c:pt>
                <c:pt idx="1077">
                  <c:v>43136</c:v>
                </c:pt>
                <c:pt idx="1078">
                  <c:v>43133</c:v>
                </c:pt>
                <c:pt idx="1079">
                  <c:v>43132</c:v>
                </c:pt>
                <c:pt idx="1080">
                  <c:v>43131</c:v>
                </c:pt>
                <c:pt idx="1081">
                  <c:v>43130</c:v>
                </c:pt>
                <c:pt idx="1082">
                  <c:v>43129</c:v>
                </c:pt>
                <c:pt idx="1083">
                  <c:v>43126</c:v>
                </c:pt>
                <c:pt idx="1084">
                  <c:v>43125</c:v>
                </c:pt>
                <c:pt idx="1085">
                  <c:v>43124</c:v>
                </c:pt>
                <c:pt idx="1086">
                  <c:v>43123</c:v>
                </c:pt>
                <c:pt idx="1087">
                  <c:v>43122</c:v>
                </c:pt>
                <c:pt idx="1088">
                  <c:v>43119</c:v>
                </c:pt>
                <c:pt idx="1089">
                  <c:v>43118</c:v>
                </c:pt>
                <c:pt idx="1090">
                  <c:v>43117</c:v>
                </c:pt>
                <c:pt idx="1091">
                  <c:v>43116</c:v>
                </c:pt>
                <c:pt idx="1092">
                  <c:v>43112</c:v>
                </c:pt>
                <c:pt idx="1093">
                  <c:v>43111</c:v>
                </c:pt>
                <c:pt idx="1094">
                  <c:v>43110</c:v>
                </c:pt>
                <c:pt idx="1095">
                  <c:v>43109</c:v>
                </c:pt>
                <c:pt idx="1096">
                  <c:v>43108</c:v>
                </c:pt>
                <c:pt idx="1097">
                  <c:v>43105</c:v>
                </c:pt>
                <c:pt idx="1098">
                  <c:v>43104</c:v>
                </c:pt>
                <c:pt idx="1099">
                  <c:v>43103</c:v>
                </c:pt>
                <c:pt idx="1100">
                  <c:v>43102</c:v>
                </c:pt>
                <c:pt idx="1101">
                  <c:v>43098</c:v>
                </c:pt>
                <c:pt idx="1102">
                  <c:v>43097</c:v>
                </c:pt>
                <c:pt idx="1103">
                  <c:v>43096</c:v>
                </c:pt>
                <c:pt idx="1104">
                  <c:v>43095</c:v>
                </c:pt>
                <c:pt idx="1105">
                  <c:v>43091</c:v>
                </c:pt>
                <c:pt idx="1106">
                  <c:v>43090</c:v>
                </c:pt>
                <c:pt idx="1107">
                  <c:v>43089</c:v>
                </c:pt>
                <c:pt idx="1108">
                  <c:v>43088</c:v>
                </c:pt>
                <c:pt idx="1109">
                  <c:v>43087</c:v>
                </c:pt>
                <c:pt idx="1110">
                  <c:v>43084</c:v>
                </c:pt>
                <c:pt idx="1111">
                  <c:v>43083</c:v>
                </c:pt>
                <c:pt idx="1112">
                  <c:v>43082</c:v>
                </c:pt>
                <c:pt idx="1113">
                  <c:v>43081</c:v>
                </c:pt>
                <c:pt idx="1114">
                  <c:v>43080</c:v>
                </c:pt>
                <c:pt idx="1115">
                  <c:v>43077</c:v>
                </c:pt>
                <c:pt idx="1116">
                  <c:v>43076</c:v>
                </c:pt>
                <c:pt idx="1117">
                  <c:v>43075</c:v>
                </c:pt>
                <c:pt idx="1118">
                  <c:v>43074</c:v>
                </c:pt>
                <c:pt idx="1119">
                  <c:v>43073</c:v>
                </c:pt>
                <c:pt idx="1120">
                  <c:v>43070</c:v>
                </c:pt>
                <c:pt idx="1121">
                  <c:v>43069</c:v>
                </c:pt>
                <c:pt idx="1122">
                  <c:v>43068</c:v>
                </c:pt>
                <c:pt idx="1123">
                  <c:v>43067</c:v>
                </c:pt>
                <c:pt idx="1124">
                  <c:v>43066</c:v>
                </c:pt>
                <c:pt idx="1125">
                  <c:v>43063</c:v>
                </c:pt>
                <c:pt idx="1126">
                  <c:v>43061</c:v>
                </c:pt>
                <c:pt idx="1127">
                  <c:v>43060</c:v>
                </c:pt>
                <c:pt idx="1128">
                  <c:v>43059</c:v>
                </c:pt>
                <c:pt idx="1129">
                  <c:v>43056</c:v>
                </c:pt>
                <c:pt idx="1130">
                  <c:v>43055</c:v>
                </c:pt>
                <c:pt idx="1131">
                  <c:v>43054</c:v>
                </c:pt>
                <c:pt idx="1132">
                  <c:v>43053</c:v>
                </c:pt>
                <c:pt idx="1133">
                  <c:v>43052</c:v>
                </c:pt>
                <c:pt idx="1134">
                  <c:v>43049</c:v>
                </c:pt>
                <c:pt idx="1135">
                  <c:v>43048</c:v>
                </c:pt>
                <c:pt idx="1136">
                  <c:v>43047</c:v>
                </c:pt>
                <c:pt idx="1137">
                  <c:v>43046</c:v>
                </c:pt>
                <c:pt idx="1138">
                  <c:v>43045</c:v>
                </c:pt>
                <c:pt idx="1139">
                  <c:v>43042</c:v>
                </c:pt>
                <c:pt idx="1140">
                  <c:v>43041</c:v>
                </c:pt>
                <c:pt idx="1141">
                  <c:v>43040</c:v>
                </c:pt>
                <c:pt idx="1142">
                  <c:v>43039</c:v>
                </c:pt>
                <c:pt idx="1143">
                  <c:v>43038</c:v>
                </c:pt>
                <c:pt idx="1144">
                  <c:v>43035</c:v>
                </c:pt>
                <c:pt idx="1145">
                  <c:v>43034</c:v>
                </c:pt>
                <c:pt idx="1146">
                  <c:v>43033</c:v>
                </c:pt>
                <c:pt idx="1147">
                  <c:v>43032</c:v>
                </c:pt>
                <c:pt idx="1148">
                  <c:v>43031</c:v>
                </c:pt>
                <c:pt idx="1149">
                  <c:v>43028</c:v>
                </c:pt>
                <c:pt idx="1150">
                  <c:v>43027</c:v>
                </c:pt>
                <c:pt idx="1151">
                  <c:v>43026</c:v>
                </c:pt>
                <c:pt idx="1152">
                  <c:v>43025</c:v>
                </c:pt>
                <c:pt idx="1153">
                  <c:v>43024</c:v>
                </c:pt>
                <c:pt idx="1154">
                  <c:v>43021</c:v>
                </c:pt>
                <c:pt idx="1155">
                  <c:v>43020</c:v>
                </c:pt>
                <c:pt idx="1156">
                  <c:v>43019</c:v>
                </c:pt>
                <c:pt idx="1157">
                  <c:v>43018</c:v>
                </c:pt>
                <c:pt idx="1158">
                  <c:v>43014</c:v>
                </c:pt>
                <c:pt idx="1159">
                  <c:v>43013</c:v>
                </c:pt>
                <c:pt idx="1160">
                  <c:v>43012</c:v>
                </c:pt>
                <c:pt idx="1161">
                  <c:v>43011</c:v>
                </c:pt>
                <c:pt idx="1162">
                  <c:v>43010</c:v>
                </c:pt>
                <c:pt idx="1163">
                  <c:v>43007</c:v>
                </c:pt>
                <c:pt idx="1164">
                  <c:v>43006</c:v>
                </c:pt>
                <c:pt idx="1165">
                  <c:v>43005</c:v>
                </c:pt>
                <c:pt idx="1166">
                  <c:v>43004</c:v>
                </c:pt>
                <c:pt idx="1167">
                  <c:v>43003</c:v>
                </c:pt>
                <c:pt idx="1168">
                  <c:v>43000</c:v>
                </c:pt>
                <c:pt idx="1169">
                  <c:v>42999</c:v>
                </c:pt>
                <c:pt idx="1170">
                  <c:v>42998</c:v>
                </c:pt>
                <c:pt idx="1171">
                  <c:v>42997</c:v>
                </c:pt>
                <c:pt idx="1172">
                  <c:v>42996</c:v>
                </c:pt>
                <c:pt idx="1173">
                  <c:v>42993</c:v>
                </c:pt>
                <c:pt idx="1174">
                  <c:v>42992</c:v>
                </c:pt>
                <c:pt idx="1175">
                  <c:v>42991</c:v>
                </c:pt>
                <c:pt idx="1176">
                  <c:v>42990</c:v>
                </c:pt>
                <c:pt idx="1177">
                  <c:v>42989</c:v>
                </c:pt>
                <c:pt idx="1178">
                  <c:v>42986</c:v>
                </c:pt>
                <c:pt idx="1179">
                  <c:v>42985</c:v>
                </c:pt>
                <c:pt idx="1180">
                  <c:v>42984</c:v>
                </c:pt>
                <c:pt idx="1181">
                  <c:v>42983</c:v>
                </c:pt>
                <c:pt idx="1182">
                  <c:v>42979</c:v>
                </c:pt>
                <c:pt idx="1183">
                  <c:v>42978</c:v>
                </c:pt>
                <c:pt idx="1184">
                  <c:v>42977</c:v>
                </c:pt>
                <c:pt idx="1185">
                  <c:v>42976</c:v>
                </c:pt>
                <c:pt idx="1186">
                  <c:v>42975</c:v>
                </c:pt>
                <c:pt idx="1187">
                  <c:v>42972</c:v>
                </c:pt>
                <c:pt idx="1188">
                  <c:v>42971</c:v>
                </c:pt>
                <c:pt idx="1189">
                  <c:v>42970</c:v>
                </c:pt>
                <c:pt idx="1190">
                  <c:v>42969</c:v>
                </c:pt>
                <c:pt idx="1191">
                  <c:v>42968</c:v>
                </c:pt>
                <c:pt idx="1192">
                  <c:v>42965</c:v>
                </c:pt>
                <c:pt idx="1193">
                  <c:v>42964</c:v>
                </c:pt>
                <c:pt idx="1194">
                  <c:v>42963</c:v>
                </c:pt>
                <c:pt idx="1195">
                  <c:v>42962</c:v>
                </c:pt>
                <c:pt idx="1196">
                  <c:v>42961</c:v>
                </c:pt>
                <c:pt idx="1197">
                  <c:v>42958</c:v>
                </c:pt>
                <c:pt idx="1198">
                  <c:v>42957</c:v>
                </c:pt>
                <c:pt idx="1199">
                  <c:v>42956</c:v>
                </c:pt>
                <c:pt idx="1200">
                  <c:v>42955</c:v>
                </c:pt>
                <c:pt idx="1201">
                  <c:v>42954</c:v>
                </c:pt>
                <c:pt idx="1202">
                  <c:v>42951</c:v>
                </c:pt>
                <c:pt idx="1203">
                  <c:v>42950</c:v>
                </c:pt>
                <c:pt idx="1204">
                  <c:v>42949</c:v>
                </c:pt>
                <c:pt idx="1205">
                  <c:v>42948</c:v>
                </c:pt>
                <c:pt idx="1206">
                  <c:v>42947</c:v>
                </c:pt>
                <c:pt idx="1207">
                  <c:v>42944</c:v>
                </c:pt>
                <c:pt idx="1208">
                  <c:v>42943</c:v>
                </c:pt>
                <c:pt idx="1209">
                  <c:v>42942</c:v>
                </c:pt>
                <c:pt idx="1210">
                  <c:v>42941</c:v>
                </c:pt>
                <c:pt idx="1211">
                  <c:v>42940</c:v>
                </c:pt>
                <c:pt idx="1212">
                  <c:v>42937</c:v>
                </c:pt>
                <c:pt idx="1213">
                  <c:v>42936</c:v>
                </c:pt>
                <c:pt idx="1214">
                  <c:v>42935</c:v>
                </c:pt>
                <c:pt idx="1215">
                  <c:v>42934</c:v>
                </c:pt>
                <c:pt idx="1216">
                  <c:v>42933</c:v>
                </c:pt>
                <c:pt idx="1217">
                  <c:v>42930</c:v>
                </c:pt>
                <c:pt idx="1218">
                  <c:v>42929</c:v>
                </c:pt>
                <c:pt idx="1219">
                  <c:v>42928</c:v>
                </c:pt>
                <c:pt idx="1220">
                  <c:v>42927</c:v>
                </c:pt>
                <c:pt idx="1221">
                  <c:v>42926</c:v>
                </c:pt>
                <c:pt idx="1222">
                  <c:v>42923</c:v>
                </c:pt>
                <c:pt idx="1223">
                  <c:v>42922</c:v>
                </c:pt>
                <c:pt idx="1224">
                  <c:v>42921</c:v>
                </c:pt>
                <c:pt idx="1225">
                  <c:v>42919</c:v>
                </c:pt>
                <c:pt idx="1226">
                  <c:v>42916</c:v>
                </c:pt>
                <c:pt idx="1227">
                  <c:v>42915</c:v>
                </c:pt>
                <c:pt idx="1228">
                  <c:v>42914</c:v>
                </c:pt>
                <c:pt idx="1229">
                  <c:v>42913</c:v>
                </c:pt>
                <c:pt idx="1230">
                  <c:v>42912</c:v>
                </c:pt>
                <c:pt idx="1231">
                  <c:v>42909</c:v>
                </c:pt>
                <c:pt idx="1232">
                  <c:v>42908</c:v>
                </c:pt>
                <c:pt idx="1233">
                  <c:v>42907</c:v>
                </c:pt>
                <c:pt idx="1234">
                  <c:v>42906</c:v>
                </c:pt>
                <c:pt idx="1235">
                  <c:v>42905</c:v>
                </c:pt>
                <c:pt idx="1236">
                  <c:v>42902</c:v>
                </c:pt>
                <c:pt idx="1237">
                  <c:v>42901</c:v>
                </c:pt>
                <c:pt idx="1238">
                  <c:v>42900</c:v>
                </c:pt>
                <c:pt idx="1239">
                  <c:v>42899</c:v>
                </c:pt>
                <c:pt idx="1240">
                  <c:v>42898</c:v>
                </c:pt>
                <c:pt idx="1241">
                  <c:v>42895</c:v>
                </c:pt>
                <c:pt idx="1242">
                  <c:v>42894</c:v>
                </c:pt>
                <c:pt idx="1243">
                  <c:v>42893</c:v>
                </c:pt>
                <c:pt idx="1244">
                  <c:v>42892</c:v>
                </c:pt>
                <c:pt idx="1245">
                  <c:v>42891</c:v>
                </c:pt>
                <c:pt idx="1246">
                  <c:v>42888</c:v>
                </c:pt>
                <c:pt idx="1247">
                  <c:v>42887</c:v>
                </c:pt>
                <c:pt idx="1248">
                  <c:v>42886</c:v>
                </c:pt>
                <c:pt idx="1249">
                  <c:v>42885</c:v>
                </c:pt>
                <c:pt idx="1250">
                  <c:v>42881</c:v>
                </c:pt>
                <c:pt idx="1251">
                  <c:v>42880</c:v>
                </c:pt>
                <c:pt idx="1252">
                  <c:v>42879</c:v>
                </c:pt>
                <c:pt idx="1253">
                  <c:v>42878</c:v>
                </c:pt>
                <c:pt idx="1254">
                  <c:v>42877</c:v>
                </c:pt>
                <c:pt idx="1255">
                  <c:v>42874</c:v>
                </c:pt>
                <c:pt idx="1256">
                  <c:v>42873</c:v>
                </c:pt>
                <c:pt idx="1257">
                  <c:v>42872</c:v>
                </c:pt>
                <c:pt idx="1258">
                  <c:v>42871</c:v>
                </c:pt>
                <c:pt idx="1259">
                  <c:v>42870</c:v>
                </c:pt>
                <c:pt idx="1260">
                  <c:v>42867</c:v>
                </c:pt>
                <c:pt idx="1261">
                  <c:v>42866</c:v>
                </c:pt>
                <c:pt idx="1262">
                  <c:v>42865</c:v>
                </c:pt>
                <c:pt idx="1263">
                  <c:v>42864</c:v>
                </c:pt>
                <c:pt idx="1264">
                  <c:v>42863</c:v>
                </c:pt>
              </c:numCache>
            </c:numRef>
          </c:xVal>
          <c:yVal>
            <c:numRef>
              <c:f>Sheet1!$AP$32:$AP$2814</c:f>
              <c:numCache>
                <c:formatCode>0.000%</c:formatCode>
                <c:ptCount val="2783"/>
                <c:pt idx="0">
                  <c:v>2.58286264894752E-2</c:v>
                </c:pt>
                <c:pt idx="1">
                  <c:v>2.625042866136339E-2</c:v>
                </c:pt>
                <c:pt idx="2">
                  <c:v>2.6659646123040268E-2</c:v>
                </c:pt>
                <c:pt idx="3">
                  <c:v>2.7065412206407857E-2</c:v>
                </c:pt>
                <c:pt idx="4">
                  <c:v>2.7452065618383745E-2</c:v>
                </c:pt>
                <c:pt idx="5">
                  <c:v>2.7835113026748924E-2</c:v>
                </c:pt>
                <c:pt idx="6">
                  <c:v>2.8205020796108208E-2</c:v>
                </c:pt>
                <c:pt idx="7">
                  <c:v>2.8552594984568497E-2</c:v>
                </c:pt>
                <c:pt idx="8">
                  <c:v>2.888404764652128E-2</c:v>
                </c:pt>
                <c:pt idx="9">
                  <c:v>2.9197978348347364E-2</c:v>
                </c:pt>
                <c:pt idx="10">
                  <c:v>2.9473743319656246E-2</c:v>
                </c:pt>
                <c:pt idx="11">
                  <c:v>2.9729239466568334E-2</c:v>
                </c:pt>
                <c:pt idx="12">
                  <c:v>2.9938481275246214E-2</c:v>
                </c:pt>
                <c:pt idx="13">
                  <c:v>3.1059999999999997E-2</c:v>
                </c:pt>
              </c:numCache>
            </c:numRef>
          </c:yVal>
          <c:smooth val="0"/>
          <c:extLst>
            <c:ext xmlns:c16="http://schemas.microsoft.com/office/drawing/2014/chart" uri="{C3380CC4-5D6E-409C-BE32-E72D297353CC}">
              <c16:uniqueId val="{00000003-8FAE-4892-8654-F5C6701D7F12}"/>
            </c:ext>
          </c:extLst>
        </c:ser>
        <c:dLbls>
          <c:showLegendKey val="0"/>
          <c:showVal val="0"/>
          <c:showCatName val="0"/>
          <c:showSerName val="0"/>
          <c:showPercent val="0"/>
          <c:showBubbleSize val="0"/>
        </c:dLbls>
        <c:axId val="1790263583"/>
        <c:axId val="1790264415"/>
      </c:scatterChart>
      <c:valAx>
        <c:axId val="1790263583"/>
        <c:scaling>
          <c:orientation val="minMax"/>
          <c:max val="45078"/>
          <c:min val="42856"/>
        </c:scaling>
        <c:delete val="0"/>
        <c:axPos val="b"/>
        <c:numFmt formatCode="mmm\-yyyy" sourceLinked="0"/>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790264415"/>
        <c:crosses val="autoZero"/>
        <c:crossBetween val="midCat"/>
        <c:majorUnit val="732"/>
      </c:valAx>
      <c:valAx>
        <c:axId val="1790264415"/>
        <c:scaling>
          <c:orientation val="minMax"/>
        </c:scaling>
        <c:delete val="0"/>
        <c:axPos val="l"/>
        <c:majorGridlines>
          <c:spPr>
            <a:ln w="9525" cap="flat" cmpd="sng" algn="ctr">
              <a:solidFill>
                <a:schemeClr val="tx1">
                  <a:lumMod val="15000"/>
                  <a:lumOff val="85000"/>
                </a:schemeClr>
              </a:solidFill>
              <a:round/>
            </a:ln>
            <a:effectLst/>
          </c:spPr>
        </c:majorGridlines>
        <c:numFmt formatCode="0.0%" sourceLinked="0"/>
        <c:majorTickMark val="none"/>
        <c:minorTickMark val="none"/>
        <c:tickLblPos val="nextTo"/>
        <c:spPr>
          <a:noFill/>
          <a:ln w="9525" cap="flat" cmpd="sng" algn="ctr">
            <a:no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790263583"/>
        <c:crosses val="autoZero"/>
        <c:crossBetween val="midCat"/>
        <c:majorUnit val="1.0000000000000002E-2"/>
      </c:valAx>
      <c:spPr>
        <a:noFill/>
        <a:ln>
          <a:noFill/>
        </a:ln>
        <a:effectLst/>
      </c:spPr>
    </c:plotArea>
    <c:legend>
      <c:legendPos val="b"/>
      <c:layout>
        <c:manualLayout>
          <c:xMode val="edge"/>
          <c:yMode val="edge"/>
          <c:x val="0.11658245844269466"/>
          <c:y val="0.144096675415573"/>
          <c:w val="0.84816167979002621"/>
          <c:h val="9.8039924299641326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bg1"/>
    </a:solidFill>
    <a:ln w="9525" cap="flat" cmpd="sng" algn="ctr">
      <a:noFill/>
      <a:round/>
    </a:ln>
    <a:effectLst/>
  </c:spPr>
  <c:txPr>
    <a:bodyPr/>
    <a:lstStyle/>
    <a:p>
      <a:pPr>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SOFR vs. LIBOR Weekly Derivative Notional Volume</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scatterChart>
        <c:scatterStyle val="lineMarker"/>
        <c:varyColors val="0"/>
        <c:ser>
          <c:idx val="0"/>
          <c:order val="0"/>
          <c:tx>
            <c:v>SOFR Notional</c:v>
          </c:tx>
          <c:spPr>
            <a:ln w="25400" cap="rnd">
              <a:solidFill>
                <a:srgbClr val="004578"/>
              </a:solidFill>
              <a:round/>
            </a:ln>
            <a:effectLst/>
          </c:spPr>
          <c:marker>
            <c:symbol val="none"/>
          </c:marker>
          <c:xVal>
            <c:numRef>
              <c:f>Sheet1!$C$48:$S$48</c:f>
              <c:numCache>
                <c:formatCode>m/d/yyyy</c:formatCode>
                <c:ptCount val="17"/>
                <c:pt idx="0">
                  <c:v>44568</c:v>
                </c:pt>
                <c:pt idx="1">
                  <c:v>44575</c:v>
                </c:pt>
                <c:pt idx="2">
                  <c:v>44582</c:v>
                </c:pt>
                <c:pt idx="3">
                  <c:v>44589</c:v>
                </c:pt>
                <c:pt idx="4">
                  <c:v>44596</c:v>
                </c:pt>
                <c:pt idx="5">
                  <c:v>44603</c:v>
                </c:pt>
                <c:pt idx="6">
                  <c:v>44610</c:v>
                </c:pt>
                <c:pt idx="7">
                  <c:v>44617</c:v>
                </c:pt>
                <c:pt idx="8">
                  <c:v>44624</c:v>
                </c:pt>
                <c:pt idx="9">
                  <c:v>44631</c:v>
                </c:pt>
                <c:pt idx="10">
                  <c:v>44638</c:v>
                </c:pt>
                <c:pt idx="11">
                  <c:v>44645</c:v>
                </c:pt>
                <c:pt idx="12">
                  <c:v>44652</c:v>
                </c:pt>
                <c:pt idx="13">
                  <c:v>44659</c:v>
                </c:pt>
                <c:pt idx="14">
                  <c:v>44666</c:v>
                </c:pt>
                <c:pt idx="15">
                  <c:v>44673</c:v>
                </c:pt>
                <c:pt idx="16">
                  <c:v>44680</c:v>
                </c:pt>
              </c:numCache>
            </c:numRef>
          </c:xVal>
          <c:yVal>
            <c:numRef>
              <c:f>Sheet1!$C$51:$S$51</c:f>
              <c:numCache>
                <c:formatCode>#,##0.00_);\(#,##0.00\)</c:formatCode>
                <c:ptCount val="17"/>
                <c:pt idx="0">
                  <c:v>834.302876545</c:v>
                </c:pt>
                <c:pt idx="1">
                  <c:v>847.41255022799999</c:v>
                </c:pt>
                <c:pt idx="2">
                  <c:v>809.68244123999989</c:v>
                </c:pt>
                <c:pt idx="3">
                  <c:v>881.53446503800001</c:v>
                </c:pt>
                <c:pt idx="4">
                  <c:v>804.22779298700004</c:v>
                </c:pt>
                <c:pt idx="5">
                  <c:v>1040.7680379779999</c:v>
                </c:pt>
                <c:pt idx="6">
                  <c:v>1017.1</c:v>
                </c:pt>
                <c:pt idx="7">
                  <c:v>960.85349658999996</c:v>
                </c:pt>
                <c:pt idx="8">
                  <c:v>1363.627526647</c:v>
                </c:pt>
                <c:pt idx="9">
                  <c:v>1123.414058457</c:v>
                </c:pt>
                <c:pt idx="10">
                  <c:v>1122.2442134590001</c:v>
                </c:pt>
                <c:pt idx="11">
                  <c:v>1049.9500917609998</c:v>
                </c:pt>
                <c:pt idx="12">
                  <c:v>1142.0982127519999</c:v>
                </c:pt>
                <c:pt idx="13">
                  <c:v>1046.972592609</c:v>
                </c:pt>
                <c:pt idx="14">
                  <c:v>856.46957261</c:v>
                </c:pt>
                <c:pt idx="15">
                  <c:v>1009.988693924</c:v>
                </c:pt>
                <c:pt idx="16">
                  <c:v>933.30441094699995</c:v>
                </c:pt>
              </c:numCache>
            </c:numRef>
          </c:yVal>
          <c:smooth val="0"/>
          <c:extLst>
            <c:ext xmlns:c16="http://schemas.microsoft.com/office/drawing/2014/chart" uri="{C3380CC4-5D6E-409C-BE32-E72D297353CC}">
              <c16:uniqueId val="{00000000-D309-4A67-BF7E-212FC72B01E1}"/>
            </c:ext>
          </c:extLst>
        </c:ser>
        <c:ser>
          <c:idx val="1"/>
          <c:order val="1"/>
          <c:tx>
            <c:v>LIBOR Notional</c:v>
          </c:tx>
          <c:spPr>
            <a:ln w="25400" cap="rnd">
              <a:solidFill>
                <a:srgbClr val="007CBA"/>
              </a:solidFill>
              <a:round/>
            </a:ln>
            <a:effectLst/>
          </c:spPr>
          <c:marker>
            <c:symbol val="none"/>
          </c:marker>
          <c:xVal>
            <c:numRef>
              <c:f>Sheet1!$C$48:$S$48</c:f>
              <c:numCache>
                <c:formatCode>m/d/yyyy</c:formatCode>
                <c:ptCount val="17"/>
                <c:pt idx="0">
                  <c:v>44568</c:v>
                </c:pt>
                <c:pt idx="1">
                  <c:v>44575</c:v>
                </c:pt>
                <c:pt idx="2">
                  <c:v>44582</c:v>
                </c:pt>
                <c:pt idx="3">
                  <c:v>44589</c:v>
                </c:pt>
                <c:pt idx="4">
                  <c:v>44596</c:v>
                </c:pt>
                <c:pt idx="5">
                  <c:v>44603</c:v>
                </c:pt>
                <c:pt idx="6">
                  <c:v>44610</c:v>
                </c:pt>
                <c:pt idx="7">
                  <c:v>44617</c:v>
                </c:pt>
                <c:pt idx="8">
                  <c:v>44624</c:v>
                </c:pt>
                <c:pt idx="9">
                  <c:v>44631</c:v>
                </c:pt>
                <c:pt idx="10">
                  <c:v>44638</c:v>
                </c:pt>
                <c:pt idx="11">
                  <c:v>44645</c:v>
                </c:pt>
                <c:pt idx="12">
                  <c:v>44652</c:v>
                </c:pt>
                <c:pt idx="13">
                  <c:v>44659</c:v>
                </c:pt>
                <c:pt idx="14">
                  <c:v>44666</c:v>
                </c:pt>
                <c:pt idx="15">
                  <c:v>44673</c:v>
                </c:pt>
                <c:pt idx="16">
                  <c:v>44680</c:v>
                </c:pt>
              </c:numCache>
            </c:numRef>
          </c:xVal>
          <c:yVal>
            <c:numRef>
              <c:f>Sheet1!$C$50:$S$50</c:f>
              <c:numCache>
                <c:formatCode>#,##0.00_);\(#,##0.00\)</c:formatCode>
                <c:ptCount val="17"/>
                <c:pt idx="0">
                  <c:v>2155.123580636</c:v>
                </c:pt>
                <c:pt idx="1">
                  <c:v>2142.481316552</c:v>
                </c:pt>
                <c:pt idx="2">
                  <c:v>1868.053792832</c:v>
                </c:pt>
                <c:pt idx="3">
                  <c:v>2152.6152780099997</c:v>
                </c:pt>
                <c:pt idx="4">
                  <c:v>1487.219990739</c:v>
                </c:pt>
                <c:pt idx="5">
                  <c:v>1928.7597704559998</c:v>
                </c:pt>
                <c:pt idx="6">
                  <c:v>1670</c:v>
                </c:pt>
                <c:pt idx="7">
                  <c:v>1005.858915844</c:v>
                </c:pt>
                <c:pt idx="8">
                  <c:v>779.53176217599992</c:v>
                </c:pt>
                <c:pt idx="9">
                  <c:v>1874.176569617</c:v>
                </c:pt>
                <c:pt idx="10">
                  <c:v>1104.0836965760002</c:v>
                </c:pt>
                <c:pt idx="11">
                  <c:v>1111.6096697529999</c:v>
                </c:pt>
                <c:pt idx="12">
                  <c:v>1196.693794216</c:v>
                </c:pt>
                <c:pt idx="13">
                  <c:v>989.55860632399992</c:v>
                </c:pt>
                <c:pt idx="14">
                  <c:v>866.62945848699997</c:v>
                </c:pt>
                <c:pt idx="15">
                  <c:v>905.30668196499994</c:v>
                </c:pt>
                <c:pt idx="16">
                  <c:v>1335.2915232829998</c:v>
                </c:pt>
              </c:numCache>
            </c:numRef>
          </c:yVal>
          <c:smooth val="0"/>
          <c:extLst>
            <c:ext xmlns:c16="http://schemas.microsoft.com/office/drawing/2014/chart" uri="{C3380CC4-5D6E-409C-BE32-E72D297353CC}">
              <c16:uniqueId val="{00000001-D309-4A67-BF7E-212FC72B01E1}"/>
            </c:ext>
          </c:extLst>
        </c:ser>
        <c:dLbls>
          <c:showLegendKey val="0"/>
          <c:showVal val="0"/>
          <c:showCatName val="0"/>
          <c:showSerName val="0"/>
          <c:showPercent val="0"/>
          <c:showBubbleSize val="0"/>
        </c:dLbls>
        <c:axId val="1060152415"/>
        <c:axId val="1060154911"/>
      </c:scatterChart>
      <c:valAx>
        <c:axId val="1060152415"/>
        <c:scaling>
          <c:orientation val="minMax"/>
          <c:max val="44680"/>
          <c:min val="44568"/>
        </c:scaling>
        <c:delete val="0"/>
        <c:axPos val="b"/>
        <c:numFmt formatCode="[$-409]mmm\-yy;@" sourceLinked="0"/>
        <c:majorTickMark val="out"/>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060154911"/>
        <c:crosses val="autoZero"/>
        <c:crossBetween val="midCat"/>
      </c:valAx>
      <c:valAx>
        <c:axId val="1060154911"/>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Notional</a:t>
                </a:r>
                <a:r>
                  <a:rPr lang="en-US" baseline="0"/>
                  <a:t> volume (in billions of USD)</a:t>
                </a:r>
                <a:endParaRPr lang="en-US"/>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_);\(#,##0\)" sourceLinked="0"/>
        <c:majorTickMark val="none"/>
        <c:minorTickMark val="none"/>
        <c:tickLblPos val="nextTo"/>
        <c:spPr>
          <a:noFill/>
          <a:ln w="9525" cap="flat" cmpd="sng" algn="ctr">
            <a:solidFill>
              <a:schemeClr val="bg1"/>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060152415"/>
        <c:crosses val="autoZero"/>
        <c:crossBetween val="midCat"/>
      </c:valAx>
      <c:spPr>
        <a:noFill/>
        <a:ln>
          <a:noFill/>
        </a:ln>
        <a:effectLst/>
      </c:spPr>
    </c:plotArea>
    <c:legend>
      <c:legendPos val="r"/>
      <c:layout>
        <c:manualLayout>
          <c:xMode val="edge"/>
          <c:yMode val="edge"/>
          <c:x val="0.27038519471538186"/>
          <c:y val="0.11509838181750059"/>
          <c:w val="0.45177140706750185"/>
          <c:h val="7.1398652591834366E-2"/>
        </c:manualLayout>
      </c:layout>
      <c:overlay val="1"/>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4">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charts/style11.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charts/style1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169920" cy="619363"/>
          </a:xfrm>
          <a:prstGeom prst="rect">
            <a:avLst/>
          </a:prstGeom>
        </p:spPr>
        <p:txBody>
          <a:bodyPr vert="horz" lIns="112324" tIns="56162" rIns="112324" bIns="56162" rtlCol="0"/>
          <a:lstStyle>
            <a:lvl1pPr algn="l">
              <a:defRPr sz="1400"/>
            </a:lvl1pPr>
          </a:lstStyle>
          <a:p>
            <a:endParaRPr lang="en-US"/>
          </a:p>
        </p:txBody>
      </p:sp>
      <p:sp>
        <p:nvSpPr>
          <p:cNvPr id="3" name="Date Placeholder 2"/>
          <p:cNvSpPr>
            <a:spLocks noGrp="1"/>
          </p:cNvSpPr>
          <p:nvPr>
            <p:ph type="dt" idx="1"/>
          </p:nvPr>
        </p:nvSpPr>
        <p:spPr>
          <a:xfrm>
            <a:off x="4143587" y="0"/>
            <a:ext cx="3169920" cy="619363"/>
          </a:xfrm>
          <a:prstGeom prst="rect">
            <a:avLst/>
          </a:prstGeom>
        </p:spPr>
        <p:txBody>
          <a:bodyPr vert="horz" lIns="112324" tIns="56162" rIns="112324" bIns="56162" rtlCol="0"/>
          <a:lstStyle>
            <a:lvl1pPr algn="r">
              <a:defRPr sz="1400"/>
            </a:lvl1pPr>
          </a:lstStyle>
          <a:p>
            <a:fld id="{39F42C86-4856-4590-83C9-3E15476E6175}" type="datetimeFigureOut">
              <a:rPr lang="en-US" smtClean="0"/>
              <a:t>5/9/2022</a:t>
            </a:fld>
            <a:endParaRPr lang="en-US"/>
          </a:p>
        </p:txBody>
      </p:sp>
      <p:sp>
        <p:nvSpPr>
          <p:cNvPr id="4" name="Slide Image Placeholder 3"/>
          <p:cNvSpPr>
            <a:spLocks noGrp="1" noRot="1" noChangeAspect="1"/>
          </p:cNvSpPr>
          <p:nvPr>
            <p:ph type="sldImg" idx="2"/>
          </p:nvPr>
        </p:nvSpPr>
        <p:spPr>
          <a:xfrm>
            <a:off x="-46038" y="1543050"/>
            <a:ext cx="7407276" cy="4167188"/>
          </a:xfrm>
          <a:prstGeom prst="rect">
            <a:avLst/>
          </a:prstGeom>
          <a:noFill/>
          <a:ln w="12700">
            <a:solidFill>
              <a:prstClr val="black"/>
            </a:solidFill>
          </a:ln>
        </p:spPr>
        <p:txBody>
          <a:bodyPr vert="horz" lIns="112324" tIns="56162" rIns="112324" bIns="56162" rtlCol="0" anchor="ctr"/>
          <a:lstStyle/>
          <a:p>
            <a:endParaRPr lang="en-US"/>
          </a:p>
        </p:txBody>
      </p:sp>
      <p:sp>
        <p:nvSpPr>
          <p:cNvPr id="5" name="Notes Placeholder 4"/>
          <p:cNvSpPr>
            <a:spLocks noGrp="1"/>
          </p:cNvSpPr>
          <p:nvPr>
            <p:ph type="body" sz="quarter" idx="3"/>
          </p:nvPr>
        </p:nvSpPr>
        <p:spPr>
          <a:xfrm>
            <a:off x="731520" y="5940743"/>
            <a:ext cx="5852160" cy="4860608"/>
          </a:xfrm>
          <a:prstGeom prst="rect">
            <a:avLst/>
          </a:prstGeom>
        </p:spPr>
        <p:txBody>
          <a:bodyPr vert="horz" lIns="112324" tIns="56162" rIns="112324" bIns="56162"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11725039"/>
            <a:ext cx="3169920" cy="619362"/>
          </a:xfrm>
          <a:prstGeom prst="rect">
            <a:avLst/>
          </a:prstGeom>
        </p:spPr>
        <p:txBody>
          <a:bodyPr vert="horz" lIns="112324" tIns="56162" rIns="112324" bIns="56162" rtlCol="0" anchor="b"/>
          <a:lstStyle>
            <a:lvl1pPr algn="l">
              <a:defRPr sz="1400"/>
            </a:lvl1pPr>
          </a:lstStyle>
          <a:p>
            <a:endParaRPr lang="en-US"/>
          </a:p>
        </p:txBody>
      </p:sp>
      <p:sp>
        <p:nvSpPr>
          <p:cNvPr id="7" name="Slide Number Placeholder 6"/>
          <p:cNvSpPr>
            <a:spLocks noGrp="1"/>
          </p:cNvSpPr>
          <p:nvPr>
            <p:ph type="sldNum" sz="quarter" idx="5"/>
          </p:nvPr>
        </p:nvSpPr>
        <p:spPr>
          <a:xfrm>
            <a:off x="4143587" y="11725039"/>
            <a:ext cx="3169920" cy="619362"/>
          </a:xfrm>
          <a:prstGeom prst="rect">
            <a:avLst/>
          </a:prstGeom>
        </p:spPr>
        <p:txBody>
          <a:bodyPr vert="horz" lIns="112324" tIns="56162" rIns="112324" bIns="56162" rtlCol="0" anchor="b"/>
          <a:lstStyle>
            <a:lvl1pPr algn="r">
              <a:defRPr sz="1400"/>
            </a:lvl1pPr>
          </a:lstStyle>
          <a:p>
            <a:fld id="{25DA394C-1537-4F22-BB61-9AD2AD4441E1}" type="slidenum">
              <a:rPr lang="en-US" smtClean="0"/>
              <a:t>‹#›</a:t>
            </a:fld>
            <a:endParaRPr lang="en-US"/>
          </a:p>
        </p:txBody>
      </p:sp>
    </p:spTree>
    <p:extLst>
      <p:ext uri="{BB962C8B-B14F-4D97-AF65-F5344CB8AC3E}">
        <p14:creationId xmlns:p14="http://schemas.microsoft.com/office/powerpoint/2010/main" val="41773674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defTabSz="547817">
              <a:defRPr/>
            </a:pPr>
            <a:fld id="{25DA394C-1537-4F22-BB61-9AD2AD4441E1}" type="slidenum">
              <a:rPr lang="en-US">
                <a:solidFill>
                  <a:prstClr val="black"/>
                </a:solidFill>
                <a:latin typeface="Calibri" panose="020F0502020204030204"/>
              </a:rPr>
              <a:pPr defTabSz="547817">
                <a:defRPr/>
              </a:pPr>
              <a:t>5</a:t>
            </a:fld>
            <a:endParaRPr lang="en-US">
              <a:solidFill>
                <a:prstClr val="black"/>
              </a:solidFill>
              <a:latin typeface="Calibri" panose="020F0502020204030204"/>
            </a:endParaRPr>
          </a:p>
        </p:txBody>
      </p:sp>
    </p:spTree>
    <p:extLst>
      <p:ext uri="{BB962C8B-B14F-4D97-AF65-F5344CB8AC3E}">
        <p14:creationId xmlns:p14="http://schemas.microsoft.com/office/powerpoint/2010/main" val="219297697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defTabSz="547817">
              <a:defRPr/>
            </a:pPr>
            <a:fld id="{25DA394C-1537-4F22-BB61-9AD2AD4441E1}" type="slidenum">
              <a:rPr lang="en-US">
                <a:solidFill>
                  <a:prstClr val="black"/>
                </a:solidFill>
                <a:latin typeface="Calibri" panose="020F0502020204030204"/>
              </a:rPr>
              <a:pPr defTabSz="547817">
                <a:defRPr/>
              </a:pPr>
              <a:t>6</a:t>
            </a:fld>
            <a:endParaRPr lang="en-US">
              <a:solidFill>
                <a:prstClr val="black"/>
              </a:solidFill>
              <a:latin typeface="Calibri" panose="020F0502020204030204"/>
            </a:endParaRPr>
          </a:p>
        </p:txBody>
      </p:sp>
    </p:spTree>
    <p:extLst>
      <p:ext uri="{BB962C8B-B14F-4D97-AF65-F5344CB8AC3E}">
        <p14:creationId xmlns:p14="http://schemas.microsoft.com/office/powerpoint/2010/main" val="85865202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Next PCE reading comes out tomorrow, March 31.</a:t>
            </a:r>
          </a:p>
        </p:txBody>
      </p:sp>
      <p:sp>
        <p:nvSpPr>
          <p:cNvPr id="4" name="Slide Number Placeholder 3"/>
          <p:cNvSpPr>
            <a:spLocks noGrp="1"/>
          </p:cNvSpPr>
          <p:nvPr>
            <p:ph type="sldNum" sz="quarter" idx="5"/>
          </p:nvPr>
        </p:nvSpPr>
        <p:spPr/>
        <p:txBody>
          <a:bodyPr/>
          <a:lstStyle/>
          <a:p>
            <a:fld id="{25DA394C-1537-4F22-BB61-9AD2AD4441E1}" type="slidenum">
              <a:rPr lang="en-US" smtClean="0"/>
              <a:t>8</a:t>
            </a:fld>
            <a:endParaRPr lang="en-US"/>
          </a:p>
        </p:txBody>
      </p:sp>
    </p:spTree>
    <p:extLst>
      <p:ext uri="{BB962C8B-B14F-4D97-AF65-F5344CB8AC3E}">
        <p14:creationId xmlns:p14="http://schemas.microsoft.com/office/powerpoint/2010/main" val="82583792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5DA394C-1537-4F22-BB61-9AD2AD4441E1}" type="slidenum">
              <a:rPr lang="en-US" smtClean="0"/>
              <a:t>22</a:t>
            </a:fld>
            <a:endParaRPr lang="en-US"/>
          </a:p>
        </p:txBody>
      </p:sp>
    </p:spTree>
    <p:extLst>
      <p:ext uri="{BB962C8B-B14F-4D97-AF65-F5344CB8AC3E}">
        <p14:creationId xmlns:p14="http://schemas.microsoft.com/office/powerpoint/2010/main" val="419391878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5.tif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5154704" y="493987"/>
            <a:ext cx="6275296" cy="1808762"/>
          </a:xfrm>
          <a:prstGeom prst="rect">
            <a:avLst/>
          </a:prstGeom>
        </p:spPr>
        <p:txBody>
          <a:bodyPr anchor="b">
            <a:noAutofit/>
          </a:bodyPr>
          <a:lstStyle>
            <a:lvl1pPr algn="l">
              <a:defRPr sz="3000"/>
            </a:lvl1pPr>
          </a:lstStyle>
          <a:p>
            <a:r>
              <a:rPr lang="en-US"/>
              <a:t>Click to edit Master title style</a:t>
            </a:r>
          </a:p>
        </p:txBody>
      </p:sp>
      <p:sp>
        <p:nvSpPr>
          <p:cNvPr id="3" name="Subtitle 2"/>
          <p:cNvSpPr>
            <a:spLocks noGrp="1"/>
          </p:cNvSpPr>
          <p:nvPr>
            <p:ph type="subTitle" idx="1"/>
          </p:nvPr>
        </p:nvSpPr>
        <p:spPr>
          <a:xfrm>
            <a:off x="5154703" y="2419586"/>
            <a:ext cx="6274676" cy="665629"/>
          </a:xfrm>
        </p:spPr>
        <p:txBody>
          <a:bodyPr>
            <a:noAutofit/>
          </a:bodyPr>
          <a:lstStyle>
            <a:lvl1pPr marL="0" indent="0" algn="l">
              <a:lnSpc>
                <a:spcPct val="90000"/>
              </a:lnSpc>
              <a:buNone/>
              <a:defRPr sz="2400" b="0">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2" name="Text Placeholder 11">
            <a:extLst>
              <a:ext uri="{FF2B5EF4-FFF2-40B4-BE49-F238E27FC236}">
                <a16:creationId xmlns:a16="http://schemas.microsoft.com/office/drawing/2014/main" id="{84A6F2C1-DC17-8A42-94AF-BEC117E9B8B3}"/>
              </a:ext>
            </a:extLst>
          </p:cNvPr>
          <p:cNvSpPr>
            <a:spLocks noGrp="1"/>
          </p:cNvSpPr>
          <p:nvPr>
            <p:ph type="body" sz="quarter" idx="10" hasCustomPrompt="1"/>
          </p:nvPr>
        </p:nvSpPr>
        <p:spPr>
          <a:xfrm>
            <a:off x="5154084" y="5671264"/>
            <a:ext cx="6275296" cy="296022"/>
          </a:xfrm>
        </p:spPr>
        <p:txBody>
          <a:bodyPr anchor="t">
            <a:noAutofit/>
          </a:bodyPr>
          <a:lstStyle>
            <a:lvl1pPr marL="6350" indent="0" algn="r">
              <a:buNone/>
              <a:defRPr>
                <a:solidFill>
                  <a:schemeClr val="tx2"/>
                </a:solidFill>
              </a:defRPr>
            </a:lvl1pPr>
          </a:lstStyle>
          <a:p>
            <a:pPr lvl="0"/>
            <a:r>
              <a:rPr lang="en-US"/>
              <a:t>Month, date, year</a:t>
            </a:r>
          </a:p>
        </p:txBody>
      </p:sp>
    </p:spTree>
    <p:extLst>
      <p:ext uri="{BB962C8B-B14F-4D97-AF65-F5344CB8AC3E}">
        <p14:creationId xmlns:p14="http://schemas.microsoft.com/office/powerpoint/2010/main" val="875381987"/>
      </p:ext>
    </p:extLst>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and Content - Alternate 1">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591551"/>
            <a:ext cx="10409484" cy="950255"/>
          </a:xfrm>
          <a:prstGeom prst="rect">
            <a:avLst/>
          </a:prstGeom>
        </p:spPr>
        <p:txBody>
          <a:bodyPr/>
          <a:lstStyle>
            <a:lvl1pPr>
              <a:defRPr/>
            </a:lvl1pPr>
          </a:lstStyle>
          <a:p>
            <a:r>
              <a:rPr lang="en-US"/>
              <a:t>Click to add one-line title</a:t>
            </a:r>
          </a:p>
        </p:txBody>
      </p:sp>
      <p:sp>
        <p:nvSpPr>
          <p:cNvPr id="3" name="Content Placeholder 2"/>
          <p:cNvSpPr>
            <a:spLocks noGrp="1"/>
          </p:cNvSpPr>
          <p:nvPr>
            <p:ph idx="1" hasCustomPrompt="1"/>
          </p:nvPr>
        </p:nvSpPr>
        <p:spPr>
          <a:xfrm>
            <a:off x="762000" y="1512626"/>
            <a:ext cx="10668000" cy="4621474"/>
          </a:xfrm>
        </p:spPr>
        <p:txBody>
          <a:bodyPr/>
          <a:lstStyle>
            <a:lvl1pPr marL="0" indent="0">
              <a:spcBef>
                <a:spcPts val="900"/>
              </a:spcBef>
              <a:spcAft>
                <a:spcPts val="400"/>
              </a:spcAft>
              <a:buNone/>
              <a:defRPr b="0">
                <a:solidFill>
                  <a:schemeClr val="accent2"/>
                </a:solidFill>
              </a:defRPr>
            </a:lvl1pPr>
            <a:lvl2pPr marL="6350" indent="0">
              <a:buNone/>
              <a:tabLst/>
              <a:defRPr/>
            </a:lvl2pPr>
            <a:lvl3pPr marL="234950" indent="-114300">
              <a:tabLst/>
              <a:defRPr sz="1000"/>
            </a:lvl3pPr>
            <a:lvl4pPr marL="349250" indent="-114300">
              <a:tabLst/>
              <a:defRPr/>
            </a:lvl4pPr>
            <a:lvl5pPr marL="463550" indent="-114300">
              <a:tabLst/>
              <a:defRPr/>
            </a:lvl5pPr>
          </a:lstStyle>
          <a:p>
            <a:pPr lvl="0"/>
            <a:r>
              <a:rPr lang="en-US"/>
              <a:t>Click to add heading text, indent for paragraph style</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DE495E99-BACD-0346-8FEE-2FB7CD609F7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6" name="Text Placeholder 8">
            <a:extLst>
              <a:ext uri="{FF2B5EF4-FFF2-40B4-BE49-F238E27FC236}">
                <a16:creationId xmlns:a16="http://schemas.microsoft.com/office/drawing/2014/main" id="{A48A38F7-9E52-D049-8495-AD89F90739D9}"/>
              </a:ext>
            </a:extLst>
          </p:cNvPr>
          <p:cNvSpPr>
            <a:spLocks noGrp="1"/>
          </p:cNvSpPr>
          <p:nvPr>
            <p:ph type="body" sz="quarter" idx="11" hasCustomPrompt="1"/>
          </p:nvPr>
        </p:nvSpPr>
        <p:spPr>
          <a:xfrm>
            <a:off x="762001" y="915258"/>
            <a:ext cx="10409484" cy="459490"/>
          </a:xfrm>
        </p:spPr>
        <p:txBody>
          <a:bodyPr>
            <a:noAutofit/>
          </a:bodyPr>
          <a:lstStyle>
            <a:lvl1pPr marL="6350" indent="0">
              <a:buNone/>
              <a:defRPr sz="2000" b="0">
                <a:solidFill>
                  <a:schemeClr val="accent2"/>
                </a:solidFill>
              </a:defRPr>
            </a:lvl1pPr>
          </a:lstStyle>
          <a:p>
            <a:pPr lvl="0"/>
            <a:r>
              <a:rPr lang="en-US"/>
              <a:t>Click to add subtitle</a:t>
            </a:r>
          </a:p>
        </p:txBody>
      </p:sp>
    </p:spTree>
    <p:extLst>
      <p:ext uri="{BB962C8B-B14F-4D97-AF65-F5344CB8AC3E}">
        <p14:creationId xmlns:p14="http://schemas.microsoft.com/office/powerpoint/2010/main" val="37375785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Subtitle-Content-Sideba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2" y="571500"/>
            <a:ext cx="10409484" cy="365311"/>
          </a:xfrm>
          <a:prstGeom prst="rect">
            <a:avLst/>
          </a:prstGeom>
        </p:spPr>
        <p:txBody>
          <a:bodyPr/>
          <a:lstStyle>
            <a:lvl1pPr>
              <a:defRPr/>
            </a:lvl1pPr>
          </a:lstStyle>
          <a:p>
            <a:r>
              <a:rPr lang="en-US"/>
              <a:t>Click to add one-line title</a:t>
            </a:r>
          </a:p>
        </p:txBody>
      </p:sp>
      <p:sp>
        <p:nvSpPr>
          <p:cNvPr id="3" name="Content Placeholder 2"/>
          <p:cNvSpPr>
            <a:spLocks noGrp="1"/>
          </p:cNvSpPr>
          <p:nvPr>
            <p:ph idx="1"/>
          </p:nvPr>
        </p:nvSpPr>
        <p:spPr>
          <a:xfrm>
            <a:off x="762000" y="1511226"/>
            <a:ext cx="6908800" cy="462287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DE495E99-BACD-0346-8FEE-2FB7CD609F7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9" name="Text Placeholder 8">
            <a:extLst>
              <a:ext uri="{FF2B5EF4-FFF2-40B4-BE49-F238E27FC236}">
                <a16:creationId xmlns:a16="http://schemas.microsoft.com/office/drawing/2014/main" id="{E89DE8BD-D58F-7A46-9BD7-06EF85845ECC}"/>
              </a:ext>
            </a:extLst>
          </p:cNvPr>
          <p:cNvSpPr>
            <a:spLocks noGrp="1"/>
          </p:cNvSpPr>
          <p:nvPr>
            <p:ph type="body" sz="quarter" idx="11" hasCustomPrompt="1"/>
          </p:nvPr>
        </p:nvSpPr>
        <p:spPr>
          <a:xfrm>
            <a:off x="762000" y="909657"/>
            <a:ext cx="10409484" cy="459490"/>
          </a:xfrm>
        </p:spPr>
        <p:txBody>
          <a:bodyPr>
            <a:noAutofit/>
          </a:bodyPr>
          <a:lstStyle>
            <a:lvl1pPr marL="6350" indent="0">
              <a:buNone/>
              <a:defRPr sz="2000" b="0">
                <a:solidFill>
                  <a:schemeClr val="accent2"/>
                </a:solidFill>
              </a:defRPr>
            </a:lvl1pPr>
          </a:lstStyle>
          <a:p>
            <a:pPr lvl="0"/>
            <a:r>
              <a:rPr lang="en-US"/>
              <a:t>Click to add subtitle</a:t>
            </a:r>
          </a:p>
        </p:txBody>
      </p:sp>
      <p:sp>
        <p:nvSpPr>
          <p:cNvPr id="10" name="Content Placeholder 2">
            <a:extLst>
              <a:ext uri="{FF2B5EF4-FFF2-40B4-BE49-F238E27FC236}">
                <a16:creationId xmlns:a16="http://schemas.microsoft.com/office/drawing/2014/main" id="{DC28620B-CC1A-894E-AB2F-EF9A4E3408DB}"/>
              </a:ext>
            </a:extLst>
          </p:cNvPr>
          <p:cNvSpPr>
            <a:spLocks noGrp="1"/>
          </p:cNvSpPr>
          <p:nvPr>
            <p:ph idx="12"/>
          </p:nvPr>
        </p:nvSpPr>
        <p:spPr>
          <a:xfrm>
            <a:off x="8280401" y="1520976"/>
            <a:ext cx="3149599" cy="4613123"/>
          </a:xfrm>
        </p:spPr>
        <p:txBody>
          <a:bodyPr/>
          <a:lstStyle>
            <a:lvl1pPr>
              <a:defRPr sz="1200"/>
            </a:lvl1pPr>
            <a:lvl2pPr>
              <a:defRPr sz="1000"/>
            </a:lvl2pPr>
            <a:lvl3pPr>
              <a:defRPr sz="1000"/>
            </a:lvl3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3687928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Subtitle-Content-Alternate-Sideba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591551"/>
            <a:ext cx="10409484" cy="950255"/>
          </a:xfrm>
          <a:prstGeom prst="rect">
            <a:avLst/>
          </a:prstGeom>
        </p:spPr>
        <p:txBody>
          <a:bodyPr/>
          <a:lstStyle>
            <a:lvl1pPr>
              <a:defRPr/>
            </a:lvl1pPr>
          </a:lstStyle>
          <a:p>
            <a:r>
              <a:rPr lang="en-US"/>
              <a:t>Click to add one-line title</a:t>
            </a:r>
          </a:p>
        </p:txBody>
      </p:sp>
      <p:sp>
        <p:nvSpPr>
          <p:cNvPr id="3" name="Content Placeholder 2"/>
          <p:cNvSpPr>
            <a:spLocks noGrp="1"/>
          </p:cNvSpPr>
          <p:nvPr>
            <p:ph idx="1" hasCustomPrompt="1"/>
          </p:nvPr>
        </p:nvSpPr>
        <p:spPr>
          <a:xfrm>
            <a:off x="761999" y="1513086"/>
            <a:ext cx="6908800" cy="4612343"/>
          </a:xfrm>
        </p:spPr>
        <p:txBody>
          <a:bodyPr/>
          <a:lstStyle>
            <a:lvl1pPr marL="0" indent="0">
              <a:spcBef>
                <a:spcPts val="900"/>
              </a:spcBef>
              <a:spcAft>
                <a:spcPts val="400"/>
              </a:spcAft>
              <a:buNone/>
              <a:defRPr b="0">
                <a:solidFill>
                  <a:schemeClr val="accent2"/>
                </a:solidFill>
              </a:defRPr>
            </a:lvl1pPr>
            <a:lvl2pPr marL="6350" indent="0">
              <a:buNone/>
              <a:tabLst/>
              <a:defRPr/>
            </a:lvl2pPr>
            <a:lvl3pPr marL="234950" indent="-114300">
              <a:tabLst/>
              <a:defRPr sz="1000"/>
            </a:lvl3pPr>
            <a:lvl4pPr marL="349250" indent="-114300">
              <a:tabLst/>
              <a:defRPr/>
            </a:lvl4pPr>
            <a:lvl5pPr marL="463550" indent="-114300">
              <a:tabLst/>
              <a:defRPr/>
            </a:lvl5pPr>
          </a:lstStyle>
          <a:p>
            <a:pPr lvl="0"/>
            <a:r>
              <a:rPr lang="en-US"/>
              <a:t>Click to add heading text, indent for paragraph style</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DE495E99-BACD-0346-8FEE-2FB7CD609F7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6" name="Text Placeholder 8">
            <a:extLst>
              <a:ext uri="{FF2B5EF4-FFF2-40B4-BE49-F238E27FC236}">
                <a16:creationId xmlns:a16="http://schemas.microsoft.com/office/drawing/2014/main" id="{A48A38F7-9E52-D049-8495-AD89F90739D9}"/>
              </a:ext>
            </a:extLst>
          </p:cNvPr>
          <p:cNvSpPr>
            <a:spLocks noGrp="1"/>
          </p:cNvSpPr>
          <p:nvPr>
            <p:ph type="body" sz="quarter" idx="11" hasCustomPrompt="1"/>
          </p:nvPr>
        </p:nvSpPr>
        <p:spPr>
          <a:xfrm>
            <a:off x="761999" y="916009"/>
            <a:ext cx="10409484" cy="459490"/>
          </a:xfrm>
        </p:spPr>
        <p:txBody>
          <a:bodyPr>
            <a:noAutofit/>
          </a:bodyPr>
          <a:lstStyle>
            <a:lvl1pPr marL="6350" indent="0">
              <a:buNone/>
              <a:defRPr sz="2000" b="0">
                <a:solidFill>
                  <a:schemeClr val="accent2"/>
                </a:solidFill>
              </a:defRPr>
            </a:lvl1pPr>
          </a:lstStyle>
          <a:p>
            <a:pPr lvl="0"/>
            <a:r>
              <a:rPr lang="en-US"/>
              <a:t>Click to add subtitle</a:t>
            </a:r>
          </a:p>
        </p:txBody>
      </p:sp>
      <p:sp>
        <p:nvSpPr>
          <p:cNvPr id="9" name="Content Placeholder 2">
            <a:extLst>
              <a:ext uri="{FF2B5EF4-FFF2-40B4-BE49-F238E27FC236}">
                <a16:creationId xmlns:a16="http://schemas.microsoft.com/office/drawing/2014/main" id="{41F9FFF5-7CC4-5744-905A-B1FEF048763C}"/>
              </a:ext>
            </a:extLst>
          </p:cNvPr>
          <p:cNvSpPr>
            <a:spLocks noGrp="1"/>
          </p:cNvSpPr>
          <p:nvPr>
            <p:ph idx="12"/>
          </p:nvPr>
        </p:nvSpPr>
        <p:spPr>
          <a:xfrm>
            <a:off x="8280400" y="1522762"/>
            <a:ext cx="3149599" cy="4612343"/>
          </a:xfrm>
        </p:spPr>
        <p:txBody>
          <a:bodyPr/>
          <a:lstStyle>
            <a:lvl1pPr>
              <a:defRPr sz="1200"/>
            </a:lvl1pPr>
            <a:lvl2pPr>
              <a:defRPr sz="1000"/>
            </a:lvl2pPr>
            <a:lvl3pPr>
              <a:defRPr sz="1000"/>
            </a:lvl3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9884407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eader | 2 Co Bullet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0" y="581125"/>
            <a:ext cx="10409484" cy="934381"/>
          </a:xfrm>
          <a:prstGeom prst="rect">
            <a:avLst/>
          </a:prstGeom>
        </p:spPr>
        <p:txBody>
          <a:bodyPr/>
          <a:lstStyle>
            <a:lvl1pPr>
              <a:defRPr/>
            </a:lvl1pPr>
          </a:lstStyle>
          <a:p>
            <a:r>
              <a:rPr lang="en-US"/>
              <a:t>Click to add one-line title</a:t>
            </a:r>
          </a:p>
        </p:txBody>
      </p:sp>
      <p:sp>
        <p:nvSpPr>
          <p:cNvPr id="3" name="Content Placeholder 2"/>
          <p:cNvSpPr>
            <a:spLocks noGrp="1"/>
          </p:cNvSpPr>
          <p:nvPr>
            <p:ph sz="half" idx="1"/>
          </p:nvPr>
        </p:nvSpPr>
        <p:spPr>
          <a:xfrm>
            <a:off x="762000" y="1518681"/>
            <a:ext cx="5029200" cy="460906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400800" y="1515506"/>
            <a:ext cx="5029200" cy="46095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lide Number Placeholder 7">
            <a:extLst>
              <a:ext uri="{FF2B5EF4-FFF2-40B4-BE49-F238E27FC236}">
                <a16:creationId xmlns:a16="http://schemas.microsoft.com/office/drawing/2014/main" id="{2E536262-6E3D-A347-8F26-2C1D26039BA0}"/>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Tree>
    <p:extLst>
      <p:ext uri="{BB962C8B-B14F-4D97-AF65-F5344CB8AC3E}">
        <p14:creationId xmlns:p14="http://schemas.microsoft.com/office/powerpoint/2010/main" val="158102586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Header | Subhead | 2 Co Bullet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2" y="581125"/>
            <a:ext cx="10409484" cy="950255"/>
          </a:xfrm>
          <a:prstGeom prst="rect">
            <a:avLst/>
          </a:prstGeom>
        </p:spPr>
        <p:txBody>
          <a:bodyPr/>
          <a:lstStyle>
            <a:lvl1pPr>
              <a:defRPr/>
            </a:lvl1pPr>
          </a:lstStyle>
          <a:p>
            <a:r>
              <a:rPr lang="en-US"/>
              <a:t>Click to add one-line title</a:t>
            </a:r>
          </a:p>
        </p:txBody>
      </p:sp>
      <p:sp>
        <p:nvSpPr>
          <p:cNvPr id="3" name="Content Placeholder 2"/>
          <p:cNvSpPr>
            <a:spLocks noGrp="1"/>
          </p:cNvSpPr>
          <p:nvPr>
            <p:ph sz="half" idx="1"/>
          </p:nvPr>
        </p:nvSpPr>
        <p:spPr>
          <a:xfrm>
            <a:off x="762000" y="1518681"/>
            <a:ext cx="5029200" cy="46095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400800" y="1518680"/>
            <a:ext cx="5029200" cy="461541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Slide Number Placeholder 7">
            <a:extLst>
              <a:ext uri="{FF2B5EF4-FFF2-40B4-BE49-F238E27FC236}">
                <a16:creationId xmlns:a16="http://schemas.microsoft.com/office/drawing/2014/main" id="{2E536262-6E3D-A347-8F26-2C1D26039BA0}"/>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10" name="Text Placeholder 8">
            <a:extLst>
              <a:ext uri="{FF2B5EF4-FFF2-40B4-BE49-F238E27FC236}">
                <a16:creationId xmlns:a16="http://schemas.microsoft.com/office/drawing/2014/main" id="{A1E009BD-11B5-774D-A574-9B4780FF6467}"/>
              </a:ext>
            </a:extLst>
          </p:cNvPr>
          <p:cNvSpPr>
            <a:spLocks noGrp="1"/>
          </p:cNvSpPr>
          <p:nvPr>
            <p:ph type="body" sz="quarter" idx="11" hasCustomPrompt="1"/>
          </p:nvPr>
        </p:nvSpPr>
        <p:spPr>
          <a:xfrm>
            <a:off x="762000" y="919283"/>
            <a:ext cx="10409484" cy="459490"/>
          </a:xfrm>
        </p:spPr>
        <p:txBody>
          <a:bodyPr>
            <a:noAutofit/>
          </a:bodyPr>
          <a:lstStyle>
            <a:lvl1pPr marL="6350" indent="0">
              <a:buNone/>
              <a:defRPr sz="2000" b="0">
                <a:solidFill>
                  <a:schemeClr val="accent2"/>
                </a:solidFill>
              </a:defRPr>
            </a:lvl1pPr>
          </a:lstStyle>
          <a:p>
            <a:pPr lvl="0"/>
            <a:r>
              <a:rPr lang="en-US"/>
              <a:t>Click to add subtitle</a:t>
            </a:r>
          </a:p>
        </p:txBody>
      </p:sp>
    </p:spTree>
    <p:extLst>
      <p:ext uri="{BB962C8B-B14F-4D97-AF65-F5344CB8AC3E}">
        <p14:creationId xmlns:p14="http://schemas.microsoft.com/office/powerpoint/2010/main" val="15215541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eader | Text Col">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0" y="571500"/>
            <a:ext cx="10409484" cy="950255"/>
          </a:xfrm>
          <a:prstGeom prst="rect">
            <a:avLst/>
          </a:prstGeom>
        </p:spPr>
        <p:txBody>
          <a:bodyPr/>
          <a:lstStyle>
            <a:lvl1pPr>
              <a:defRPr/>
            </a:lvl1pPr>
          </a:lstStyle>
          <a:p>
            <a:r>
              <a:rPr lang="en-US"/>
              <a:t>Click to add one-line title</a:t>
            </a:r>
          </a:p>
        </p:txBody>
      </p:sp>
      <p:sp>
        <p:nvSpPr>
          <p:cNvPr id="3" name="Content Placeholder 2"/>
          <p:cNvSpPr>
            <a:spLocks noGrp="1"/>
          </p:cNvSpPr>
          <p:nvPr>
            <p:ph sz="half" idx="1" hasCustomPrompt="1"/>
          </p:nvPr>
        </p:nvSpPr>
        <p:spPr>
          <a:xfrm>
            <a:off x="762000" y="1513432"/>
            <a:ext cx="5029200" cy="4620667"/>
          </a:xfrm>
        </p:spPr>
        <p:txBody>
          <a:bodyPr/>
          <a:lstStyle>
            <a:lvl1pPr marL="6350" indent="0">
              <a:buNone/>
              <a:defRPr/>
            </a:lvl1pPr>
            <a:lvl2pPr marL="174625" indent="0">
              <a:buNone/>
              <a:defRPr/>
            </a:lvl2pPr>
            <a:lvl3pPr marL="344488" indent="0">
              <a:buNone/>
              <a:defRPr/>
            </a:lvl3pPr>
            <a:lvl4pPr marL="519112" indent="0">
              <a:buNone/>
              <a:defRPr/>
            </a:lvl4pPr>
            <a:lvl5pPr marL="690563" indent="0">
              <a:buNone/>
              <a:defRPr/>
            </a:lvl5pPr>
          </a:lstStyle>
          <a:p>
            <a:pPr lvl="0"/>
            <a:r>
              <a:rPr lang="en-US"/>
              <a:t>Click to edit – body text should be no smaller than 12 points and optimally 14 points or higher to increase readability. </a:t>
            </a:r>
          </a:p>
        </p:txBody>
      </p:sp>
      <p:sp>
        <p:nvSpPr>
          <p:cNvPr id="8" name="Slide Number Placeholder 7">
            <a:extLst>
              <a:ext uri="{FF2B5EF4-FFF2-40B4-BE49-F238E27FC236}">
                <a16:creationId xmlns:a16="http://schemas.microsoft.com/office/drawing/2014/main" id="{2E536262-6E3D-A347-8F26-2C1D26039BA0}"/>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Tree>
    <p:extLst>
      <p:ext uri="{BB962C8B-B14F-4D97-AF65-F5344CB8AC3E}">
        <p14:creationId xmlns:p14="http://schemas.microsoft.com/office/powerpoint/2010/main" val="93273345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ader | Subhead | Text Col">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2" y="581125"/>
            <a:ext cx="10409484" cy="950255"/>
          </a:xfrm>
          <a:prstGeom prst="rect">
            <a:avLst/>
          </a:prstGeom>
        </p:spPr>
        <p:txBody>
          <a:bodyPr/>
          <a:lstStyle>
            <a:lvl1pPr>
              <a:defRPr/>
            </a:lvl1pPr>
          </a:lstStyle>
          <a:p>
            <a:r>
              <a:rPr lang="en-US"/>
              <a:t>Click to add one-line title</a:t>
            </a:r>
          </a:p>
        </p:txBody>
      </p:sp>
      <p:sp>
        <p:nvSpPr>
          <p:cNvPr id="3" name="Content Placeholder 2"/>
          <p:cNvSpPr>
            <a:spLocks noGrp="1"/>
          </p:cNvSpPr>
          <p:nvPr>
            <p:ph sz="half" idx="1" hasCustomPrompt="1"/>
          </p:nvPr>
        </p:nvSpPr>
        <p:spPr>
          <a:xfrm>
            <a:off x="762000" y="1515505"/>
            <a:ext cx="5029200" cy="4618595"/>
          </a:xfrm>
        </p:spPr>
        <p:txBody>
          <a:bodyPr/>
          <a:lstStyle>
            <a:lvl1pPr marL="6350" indent="0">
              <a:buNone/>
              <a:defRPr/>
            </a:lvl1pPr>
          </a:lstStyle>
          <a:p>
            <a:pPr lvl="0"/>
            <a:r>
              <a:rPr lang="en-US"/>
              <a:t>Click to edit – body text should be no smaller than 12 points and optimally 14 points or higher to increase readability. </a:t>
            </a:r>
          </a:p>
        </p:txBody>
      </p:sp>
      <p:sp>
        <p:nvSpPr>
          <p:cNvPr id="8" name="Slide Number Placeholder 7">
            <a:extLst>
              <a:ext uri="{FF2B5EF4-FFF2-40B4-BE49-F238E27FC236}">
                <a16:creationId xmlns:a16="http://schemas.microsoft.com/office/drawing/2014/main" id="{2E536262-6E3D-A347-8F26-2C1D26039BA0}"/>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10" name="Text Placeholder 8">
            <a:extLst>
              <a:ext uri="{FF2B5EF4-FFF2-40B4-BE49-F238E27FC236}">
                <a16:creationId xmlns:a16="http://schemas.microsoft.com/office/drawing/2014/main" id="{A1E009BD-11B5-774D-A574-9B4780FF6467}"/>
              </a:ext>
            </a:extLst>
          </p:cNvPr>
          <p:cNvSpPr>
            <a:spLocks noGrp="1"/>
          </p:cNvSpPr>
          <p:nvPr>
            <p:ph type="body" sz="quarter" idx="11" hasCustomPrompt="1"/>
          </p:nvPr>
        </p:nvSpPr>
        <p:spPr>
          <a:xfrm>
            <a:off x="762000" y="919283"/>
            <a:ext cx="10409484" cy="459490"/>
          </a:xfrm>
        </p:spPr>
        <p:txBody>
          <a:bodyPr>
            <a:noAutofit/>
          </a:bodyPr>
          <a:lstStyle>
            <a:lvl1pPr marL="6350" indent="0">
              <a:buNone/>
              <a:defRPr sz="2000" b="0">
                <a:solidFill>
                  <a:schemeClr val="accent2"/>
                </a:solidFill>
              </a:defRPr>
            </a:lvl1pPr>
          </a:lstStyle>
          <a:p>
            <a:pPr lvl="0"/>
            <a:r>
              <a:rPr lang="en-US"/>
              <a:t>Click to add subtitle</a:t>
            </a:r>
          </a:p>
        </p:txBody>
      </p:sp>
    </p:spTree>
    <p:extLst>
      <p:ext uri="{BB962C8B-B14F-4D97-AF65-F5344CB8AC3E}">
        <p14:creationId xmlns:p14="http://schemas.microsoft.com/office/powerpoint/2010/main" val="314835502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Bio">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591552"/>
            <a:ext cx="10409484" cy="668838"/>
          </a:xfrm>
          <a:prstGeom prst="rect">
            <a:avLst/>
          </a:prstGeom>
        </p:spPr>
        <p:txBody>
          <a:bodyPr/>
          <a:lstStyle>
            <a:lvl1pPr>
              <a:defRPr/>
            </a:lvl1pPr>
          </a:lstStyle>
          <a:p>
            <a:r>
              <a:rPr lang="en-US"/>
              <a:t>Click to add one- or two-line title</a:t>
            </a:r>
          </a:p>
        </p:txBody>
      </p:sp>
      <p:sp>
        <p:nvSpPr>
          <p:cNvPr id="7" name="Slide Number Placeholder 6">
            <a:extLst>
              <a:ext uri="{FF2B5EF4-FFF2-40B4-BE49-F238E27FC236}">
                <a16:creationId xmlns:a16="http://schemas.microsoft.com/office/drawing/2014/main" id="{DE495E99-BACD-0346-8FEE-2FB7CD609F7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10" name="Text Placeholder 9">
            <a:extLst>
              <a:ext uri="{FF2B5EF4-FFF2-40B4-BE49-F238E27FC236}">
                <a16:creationId xmlns:a16="http://schemas.microsoft.com/office/drawing/2014/main" id="{26DB25E0-7BAD-B241-BFD3-82EA1606B9C0}"/>
              </a:ext>
            </a:extLst>
          </p:cNvPr>
          <p:cNvSpPr>
            <a:spLocks noGrp="1"/>
          </p:cNvSpPr>
          <p:nvPr>
            <p:ph type="body" sz="quarter" idx="11" hasCustomPrompt="1"/>
          </p:nvPr>
        </p:nvSpPr>
        <p:spPr>
          <a:xfrm>
            <a:off x="2328333" y="1422400"/>
            <a:ext cx="3462867" cy="292262"/>
          </a:xfrm>
        </p:spPr>
        <p:txBody>
          <a:bodyPr>
            <a:normAutofit/>
          </a:bodyPr>
          <a:lstStyle>
            <a:lvl1pPr marL="4763" indent="0">
              <a:buNone/>
              <a:tabLst/>
              <a:defRPr sz="1400" b="0">
                <a:solidFill>
                  <a:schemeClr val="tx2"/>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name</a:t>
            </a:r>
          </a:p>
        </p:txBody>
      </p:sp>
      <p:sp>
        <p:nvSpPr>
          <p:cNvPr id="12" name="Text Placeholder 9">
            <a:extLst>
              <a:ext uri="{FF2B5EF4-FFF2-40B4-BE49-F238E27FC236}">
                <a16:creationId xmlns:a16="http://schemas.microsoft.com/office/drawing/2014/main" id="{FAB2408E-6F33-F343-9C61-C681634070A1}"/>
              </a:ext>
            </a:extLst>
          </p:cNvPr>
          <p:cNvSpPr>
            <a:spLocks noGrp="1"/>
          </p:cNvSpPr>
          <p:nvPr>
            <p:ph type="body" sz="quarter" idx="12" hasCustomPrompt="1"/>
          </p:nvPr>
        </p:nvSpPr>
        <p:spPr>
          <a:xfrm>
            <a:off x="2328333" y="2876550"/>
            <a:ext cx="3462867" cy="279160"/>
          </a:xfrm>
        </p:spPr>
        <p:txBody>
          <a:bodyPr>
            <a:normAutofit/>
          </a:bodyPr>
          <a:lstStyle>
            <a:lvl1pPr marL="4763" indent="0">
              <a:buNone/>
              <a:tabLst/>
              <a:defRPr sz="1400" b="0">
                <a:solidFill>
                  <a:schemeClr val="tx2"/>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name</a:t>
            </a:r>
          </a:p>
        </p:txBody>
      </p:sp>
      <p:sp>
        <p:nvSpPr>
          <p:cNvPr id="13" name="Text Placeholder 9">
            <a:extLst>
              <a:ext uri="{FF2B5EF4-FFF2-40B4-BE49-F238E27FC236}">
                <a16:creationId xmlns:a16="http://schemas.microsoft.com/office/drawing/2014/main" id="{1C7DD7AD-9922-AA4C-8C22-7A2F660FD126}"/>
              </a:ext>
            </a:extLst>
          </p:cNvPr>
          <p:cNvSpPr>
            <a:spLocks noGrp="1"/>
          </p:cNvSpPr>
          <p:nvPr>
            <p:ph type="body" sz="quarter" idx="13" hasCustomPrompt="1"/>
          </p:nvPr>
        </p:nvSpPr>
        <p:spPr>
          <a:xfrm>
            <a:off x="2328333" y="4330700"/>
            <a:ext cx="3462867" cy="279160"/>
          </a:xfrm>
        </p:spPr>
        <p:txBody>
          <a:bodyPr>
            <a:normAutofit/>
          </a:bodyPr>
          <a:lstStyle>
            <a:lvl1pPr marL="4763" indent="0">
              <a:buNone/>
              <a:tabLst/>
              <a:defRPr sz="1400" b="0">
                <a:solidFill>
                  <a:schemeClr val="tx2"/>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name</a:t>
            </a:r>
          </a:p>
        </p:txBody>
      </p:sp>
      <p:sp>
        <p:nvSpPr>
          <p:cNvPr id="14" name="Text Placeholder 9">
            <a:extLst>
              <a:ext uri="{FF2B5EF4-FFF2-40B4-BE49-F238E27FC236}">
                <a16:creationId xmlns:a16="http://schemas.microsoft.com/office/drawing/2014/main" id="{FE3C2202-344C-5048-96D8-8AB8B63715C3}"/>
              </a:ext>
            </a:extLst>
          </p:cNvPr>
          <p:cNvSpPr>
            <a:spLocks noGrp="1"/>
          </p:cNvSpPr>
          <p:nvPr>
            <p:ph type="body" sz="quarter" idx="14" hasCustomPrompt="1"/>
          </p:nvPr>
        </p:nvSpPr>
        <p:spPr>
          <a:xfrm>
            <a:off x="7967133" y="1422400"/>
            <a:ext cx="3462867" cy="292262"/>
          </a:xfrm>
        </p:spPr>
        <p:txBody>
          <a:bodyPr>
            <a:normAutofit/>
          </a:bodyPr>
          <a:lstStyle>
            <a:lvl1pPr marL="4763" indent="0">
              <a:buNone/>
              <a:tabLst/>
              <a:defRPr sz="1400" b="0">
                <a:solidFill>
                  <a:schemeClr val="tx2"/>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name</a:t>
            </a:r>
          </a:p>
        </p:txBody>
      </p:sp>
      <p:sp>
        <p:nvSpPr>
          <p:cNvPr id="15" name="Text Placeholder 9">
            <a:extLst>
              <a:ext uri="{FF2B5EF4-FFF2-40B4-BE49-F238E27FC236}">
                <a16:creationId xmlns:a16="http://schemas.microsoft.com/office/drawing/2014/main" id="{13EE56F2-01C4-544E-8FCE-60D30FEB018C}"/>
              </a:ext>
            </a:extLst>
          </p:cNvPr>
          <p:cNvSpPr>
            <a:spLocks noGrp="1"/>
          </p:cNvSpPr>
          <p:nvPr>
            <p:ph type="body" sz="quarter" idx="15" hasCustomPrompt="1"/>
          </p:nvPr>
        </p:nvSpPr>
        <p:spPr>
          <a:xfrm>
            <a:off x="7967133" y="2876550"/>
            <a:ext cx="3462867" cy="279160"/>
          </a:xfrm>
        </p:spPr>
        <p:txBody>
          <a:bodyPr>
            <a:normAutofit/>
          </a:bodyPr>
          <a:lstStyle>
            <a:lvl1pPr marL="4763" indent="0">
              <a:buNone/>
              <a:tabLst/>
              <a:defRPr sz="1400" b="0">
                <a:solidFill>
                  <a:schemeClr val="tx2"/>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name</a:t>
            </a:r>
          </a:p>
        </p:txBody>
      </p:sp>
      <p:sp>
        <p:nvSpPr>
          <p:cNvPr id="16" name="Text Placeholder 9">
            <a:extLst>
              <a:ext uri="{FF2B5EF4-FFF2-40B4-BE49-F238E27FC236}">
                <a16:creationId xmlns:a16="http://schemas.microsoft.com/office/drawing/2014/main" id="{10CE14C5-E210-D147-AAB7-ABA7B50CBA84}"/>
              </a:ext>
            </a:extLst>
          </p:cNvPr>
          <p:cNvSpPr>
            <a:spLocks noGrp="1"/>
          </p:cNvSpPr>
          <p:nvPr>
            <p:ph type="body" sz="quarter" idx="16" hasCustomPrompt="1"/>
          </p:nvPr>
        </p:nvSpPr>
        <p:spPr>
          <a:xfrm>
            <a:off x="7967133" y="4330700"/>
            <a:ext cx="3462867" cy="279160"/>
          </a:xfrm>
        </p:spPr>
        <p:txBody>
          <a:bodyPr>
            <a:normAutofit/>
          </a:bodyPr>
          <a:lstStyle>
            <a:lvl1pPr marL="4763" indent="0">
              <a:buNone/>
              <a:tabLst/>
              <a:defRPr sz="1400" b="0">
                <a:solidFill>
                  <a:schemeClr val="tx2"/>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name</a:t>
            </a:r>
          </a:p>
        </p:txBody>
      </p:sp>
      <p:sp>
        <p:nvSpPr>
          <p:cNvPr id="18" name="Picture Placeholder 17">
            <a:extLst>
              <a:ext uri="{FF2B5EF4-FFF2-40B4-BE49-F238E27FC236}">
                <a16:creationId xmlns:a16="http://schemas.microsoft.com/office/drawing/2014/main" id="{4BC93915-D942-0B40-8567-AB4886728E49}"/>
              </a:ext>
            </a:extLst>
          </p:cNvPr>
          <p:cNvSpPr>
            <a:spLocks noGrp="1"/>
          </p:cNvSpPr>
          <p:nvPr>
            <p:ph type="pic" sz="quarter" idx="17"/>
          </p:nvPr>
        </p:nvSpPr>
        <p:spPr>
          <a:xfrm>
            <a:off x="762000" y="1485900"/>
            <a:ext cx="1270000" cy="1092200"/>
          </a:xfrm>
        </p:spPr>
        <p:txBody>
          <a:bodyPr/>
          <a:lstStyle/>
          <a:p>
            <a:r>
              <a:rPr lang="en-US"/>
              <a:t>Click icon to add picture</a:t>
            </a:r>
          </a:p>
        </p:txBody>
      </p:sp>
      <p:sp>
        <p:nvSpPr>
          <p:cNvPr id="19" name="Picture Placeholder 17">
            <a:extLst>
              <a:ext uri="{FF2B5EF4-FFF2-40B4-BE49-F238E27FC236}">
                <a16:creationId xmlns:a16="http://schemas.microsoft.com/office/drawing/2014/main" id="{062CCD2E-292A-414A-AC51-119544132C38}"/>
              </a:ext>
            </a:extLst>
          </p:cNvPr>
          <p:cNvSpPr>
            <a:spLocks noGrp="1"/>
          </p:cNvSpPr>
          <p:nvPr>
            <p:ph type="pic" sz="quarter" idx="18"/>
          </p:nvPr>
        </p:nvSpPr>
        <p:spPr>
          <a:xfrm>
            <a:off x="762000" y="2940050"/>
            <a:ext cx="1270000" cy="1092200"/>
          </a:xfrm>
        </p:spPr>
        <p:txBody>
          <a:bodyPr/>
          <a:lstStyle/>
          <a:p>
            <a:r>
              <a:rPr lang="en-US"/>
              <a:t>Click icon to add picture</a:t>
            </a:r>
          </a:p>
        </p:txBody>
      </p:sp>
      <p:sp>
        <p:nvSpPr>
          <p:cNvPr id="20" name="Picture Placeholder 17">
            <a:extLst>
              <a:ext uri="{FF2B5EF4-FFF2-40B4-BE49-F238E27FC236}">
                <a16:creationId xmlns:a16="http://schemas.microsoft.com/office/drawing/2014/main" id="{33AF0AC0-91FD-BC4A-9906-AA046284C98A}"/>
              </a:ext>
            </a:extLst>
          </p:cNvPr>
          <p:cNvSpPr>
            <a:spLocks noGrp="1"/>
          </p:cNvSpPr>
          <p:nvPr>
            <p:ph type="pic" sz="quarter" idx="19"/>
          </p:nvPr>
        </p:nvSpPr>
        <p:spPr>
          <a:xfrm>
            <a:off x="762000" y="4381500"/>
            <a:ext cx="1270000" cy="1092200"/>
          </a:xfrm>
        </p:spPr>
        <p:txBody>
          <a:bodyPr/>
          <a:lstStyle/>
          <a:p>
            <a:r>
              <a:rPr lang="en-US"/>
              <a:t>Click icon to add picture</a:t>
            </a:r>
          </a:p>
        </p:txBody>
      </p:sp>
      <p:sp>
        <p:nvSpPr>
          <p:cNvPr id="21" name="Picture Placeholder 17">
            <a:extLst>
              <a:ext uri="{FF2B5EF4-FFF2-40B4-BE49-F238E27FC236}">
                <a16:creationId xmlns:a16="http://schemas.microsoft.com/office/drawing/2014/main" id="{A056D41E-56A3-A64C-90FC-C68B2741AB83}"/>
              </a:ext>
            </a:extLst>
          </p:cNvPr>
          <p:cNvSpPr>
            <a:spLocks noGrp="1"/>
          </p:cNvSpPr>
          <p:nvPr>
            <p:ph type="pic" sz="quarter" idx="20"/>
          </p:nvPr>
        </p:nvSpPr>
        <p:spPr>
          <a:xfrm>
            <a:off x="6400803" y="1485900"/>
            <a:ext cx="1270000" cy="1092200"/>
          </a:xfrm>
        </p:spPr>
        <p:txBody>
          <a:bodyPr/>
          <a:lstStyle/>
          <a:p>
            <a:r>
              <a:rPr lang="en-US"/>
              <a:t>Click icon to add picture</a:t>
            </a:r>
          </a:p>
        </p:txBody>
      </p:sp>
      <p:sp>
        <p:nvSpPr>
          <p:cNvPr id="22" name="Picture Placeholder 17">
            <a:extLst>
              <a:ext uri="{FF2B5EF4-FFF2-40B4-BE49-F238E27FC236}">
                <a16:creationId xmlns:a16="http://schemas.microsoft.com/office/drawing/2014/main" id="{1785BE4F-91C5-924B-B3E8-3F422D959D5A}"/>
              </a:ext>
            </a:extLst>
          </p:cNvPr>
          <p:cNvSpPr>
            <a:spLocks noGrp="1"/>
          </p:cNvSpPr>
          <p:nvPr>
            <p:ph type="pic" sz="quarter" idx="21"/>
          </p:nvPr>
        </p:nvSpPr>
        <p:spPr>
          <a:xfrm>
            <a:off x="6400803" y="2940050"/>
            <a:ext cx="1270000" cy="1092200"/>
          </a:xfrm>
        </p:spPr>
        <p:txBody>
          <a:bodyPr/>
          <a:lstStyle/>
          <a:p>
            <a:r>
              <a:rPr lang="en-US"/>
              <a:t>Click icon to add picture</a:t>
            </a:r>
          </a:p>
        </p:txBody>
      </p:sp>
      <p:sp>
        <p:nvSpPr>
          <p:cNvPr id="23" name="Picture Placeholder 17">
            <a:extLst>
              <a:ext uri="{FF2B5EF4-FFF2-40B4-BE49-F238E27FC236}">
                <a16:creationId xmlns:a16="http://schemas.microsoft.com/office/drawing/2014/main" id="{52F29A71-AA03-674C-9F57-6856279E6075}"/>
              </a:ext>
            </a:extLst>
          </p:cNvPr>
          <p:cNvSpPr>
            <a:spLocks noGrp="1"/>
          </p:cNvSpPr>
          <p:nvPr>
            <p:ph type="pic" sz="quarter" idx="22"/>
          </p:nvPr>
        </p:nvSpPr>
        <p:spPr>
          <a:xfrm>
            <a:off x="6400803" y="4381500"/>
            <a:ext cx="1270000" cy="1092200"/>
          </a:xfrm>
        </p:spPr>
        <p:txBody>
          <a:bodyPr/>
          <a:lstStyle/>
          <a:p>
            <a:r>
              <a:rPr lang="en-US"/>
              <a:t>Click icon to add picture</a:t>
            </a:r>
          </a:p>
        </p:txBody>
      </p:sp>
      <p:sp>
        <p:nvSpPr>
          <p:cNvPr id="4" name="Text Placeholder 3">
            <a:extLst>
              <a:ext uri="{FF2B5EF4-FFF2-40B4-BE49-F238E27FC236}">
                <a16:creationId xmlns:a16="http://schemas.microsoft.com/office/drawing/2014/main" id="{3854DD28-2D52-2C47-9583-A76FE9F2FD40}"/>
              </a:ext>
            </a:extLst>
          </p:cNvPr>
          <p:cNvSpPr>
            <a:spLocks noGrp="1"/>
          </p:cNvSpPr>
          <p:nvPr>
            <p:ph type="body" sz="quarter" idx="23" hasCustomPrompt="1"/>
          </p:nvPr>
        </p:nvSpPr>
        <p:spPr>
          <a:xfrm>
            <a:off x="2328331" y="1714662"/>
            <a:ext cx="3462867" cy="1092200"/>
          </a:xfrm>
        </p:spPr>
        <p:txBody>
          <a:bodyPr>
            <a:normAutofit/>
          </a:bodyPr>
          <a:lstStyle>
            <a:lvl1pPr marL="6350" indent="0">
              <a:spcAft>
                <a:spcPts val="0"/>
              </a:spcAft>
              <a:buNone/>
              <a:defRPr sz="1200"/>
            </a:lvl1pPr>
          </a:lstStyle>
          <a:p>
            <a:pPr lvl="0"/>
            <a:r>
              <a:rPr lang="en-US"/>
              <a:t>Job Title or Role</a:t>
            </a:r>
            <a:br>
              <a:rPr lang="en-US"/>
            </a:br>
            <a:r>
              <a:rPr lang="en-US"/>
              <a:t>Company Area</a:t>
            </a:r>
            <a:br>
              <a:rPr lang="en-US"/>
            </a:br>
            <a:r>
              <a:rPr lang="en-US"/>
              <a:t>Phone +1-000-000-0000</a:t>
            </a:r>
            <a:br>
              <a:rPr lang="en-US"/>
            </a:br>
            <a:r>
              <a:rPr lang="en-US"/>
              <a:t>email</a:t>
            </a:r>
          </a:p>
        </p:txBody>
      </p:sp>
      <p:sp>
        <p:nvSpPr>
          <p:cNvPr id="24" name="Text Placeholder 3">
            <a:extLst>
              <a:ext uri="{FF2B5EF4-FFF2-40B4-BE49-F238E27FC236}">
                <a16:creationId xmlns:a16="http://schemas.microsoft.com/office/drawing/2014/main" id="{C228B26A-FF86-4444-B687-505EC42B1335}"/>
              </a:ext>
            </a:extLst>
          </p:cNvPr>
          <p:cNvSpPr>
            <a:spLocks noGrp="1"/>
          </p:cNvSpPr>
          <p:nvPr>
            <p:ph type="body" sz="quarter" idx="24" hasCustomPrompt="1"/>
          </p:nvPr>
        </p:nvSpPr>
        <p:spPr>
          <a:xfrm>
            <a:off x="7967133" y="1714662"/>
            <a:ext cx="3462867" cy="1092200"/>
          </a:xfrm>
        </p:spPr>
        <p:txBody>
          <a:bodyPr>
            <a:normAutofit/>
          </a:bodyPr>
          <a:lstStyle>
            <a:lvl1pPr marL="6350" indent="0">
              <a:spcAft>
                <a:spcPts val="0"/>
              </a:spcAft>
              <a:buNone/>
              <a:defRPr sz="1200"/>
            </a:lvl1pPr>
          </a:lstStyle>
          <a:p>
            <a:pPr lvl="0"/>
            <a:r>
              <a:rPr lang="en-US"/>
              <a:t>Job Title or Role</a:t>
            </a:r>
            <a:br>
              <a:rPr lang="en-US"/>
            </a:br>
            <a:r>
              <a:rPr lang="en-US"/>
              <a:t>Company Area</a:t>
            </a:r>
            <a:br>
              <a:rPr lang="en-US"/>
            </a:br>
            <a:r>
              <a:rPr lang="en-US"/>
              <a:t>Phone +1-000-000-0000</a:t>
            </a:r>
            <a:br>
              <a:rPr lang="en-US"/>
            </a:br>
            <a:r>
              <a:rPr lang="en-US"/>
              <a:t>email</a:t>
            </a:r>
          </a:p>
        </p:txBody>
      </p:sp>
      <p:sp>
        <p:nvSpPr>
          <p:cNvPr id="25" name="Text Placeholder 3">
            <a:extLst>
              <a:ext uri="{FF2B5EF4-FFF2-40B4-BE49-F238E27FC236}">
                <a16:creationId xmlns:a16="http://schemas.microsoft.com/office/drawing/2014/main" id="{F3B0957B-03BA-BD4F-ACA1-6E1D13F85482}"/>
              </a:ext>
            </a:extLst>
          </p:cNvPr>
          <p:cNvSpPr>
            <a:spLocks noGrp="1"/>
          </p:cNvSpPr>
          <p:nvPr>
            <p:ph type="body" sz="quarter" idx="25" hasCustomPrompt="1"/>
          </p:nvPr>
        </p:nvSpPr>
        <p:spPr>
          <a:xfrm>
            <a:off x="2328331" y="3155710"/>
            <a:ext cx="3462867" cy="1092200"/>
          </a:xfrm>
        </p:spPr>
        <p:txBody>
          <a:bodyPr>
            <a:normAutofit/>
          </a:bodyPr>
          <a:lstStyle>
            <a:lvl1pPr marL="6350" indent="0">
              <a:spcAft>
                <a:spcPts val="0"/>
              </a:spcAft>
              <a:buNone/>
              <a:defRPr sz="1200"/>
            </a:lvl1pPr>
          </a:lstStyle>
          <a:p>
            <a:pPr lvl="0"/>
            <a:r>
              <a:rPr lang="en-US"/>
              <a:t>Job Title or Role</a:t>
            </a:r>
            <a:br>
              <a:rPr lang="en-US"/>
            </a:br>
            <a:r>
              <a:rPr lang="en-US"/>
              <a:t>Company Area</a:t>
            </a:r>
            <a:br>
              <a:rPr lang="en-US"/>
            </a:br>
            <a:r>
              <a:rPr lang="en-US"/>
              <a:t>Phone +1-000-000-0000</a:t>
            </a:r>
            <a:br>
              <a:rPr lang="en-US"/>
            </a:br>
            <a:r>
              <a:rPr lang="en-US"/>
              <a:t>email</a:t>
            </a:r>
          </a:p>
        </p:txBody>
      </p:sp>
      <p:sp>
        <p:nvSpPr>
          <p:cNvPr id="26" name="Text Placeholder 3">
            <a:extLst>
              <a:ext uri="{FF2B5EF4-FFF2-40B4-BE49-F238E27FC236}">
                <a16:creationId xmlns:a16="http://schemas.microsoft.com/office/drawing/2014/main" id="{C5F52BCD-810A-6E4F-AAC9-8B1B90A536FC}"/>
              </a:ext>
            </a:extLst>
          </p:cNvPr>
          <p:cNvSpPr>
            <a:spLocks noGrp="1"/>
          </p:cNvSpPr>
          <p:nvPr>
            <p:ph type="body" sz="quarter" idx="26" hasCustomPrompt="1"/>
          </p:nvPr>
        </p:nvSpPr>
        <p:spPr>
          <a:xfrm>
            <a:off x="7967133" y="3155710"/>
            <a:ext cx="3462867" cy="1092200"/>
          </a:xfrm>
        </p:spPr>
        <p:txBody>
          <a:bodyPr>
            <a:normAutofit/>
          </a:bodyPr>
          <a:lstStyle>
            <a:lvl1pPr marL="6350" indent="0">
              <a:spcAft>
                <a:spcPts val="0"/>
              </a:spcAft>
              <a:buNone/>
              <a:defRPr sz="1200"/>
            </a:lvl1pPr>
          </a:lstStyle>
          <a:p>
            <a:pPr lvl="0"/>
            <a:r>
              <a:rPr lang="en-US"/>
              <a:t>Job Title or Role</a:t>
            </a:r>
            <a:br>
              <a:rPr lang="en-US"/>
            </a:br>
            <a:r>
              <a:rPr lang="en-US"/>
              <a:t>Company Area</a:t>
            </a:r>
            <a:br>
              <a:rPr lang="en-US"/>
            </a:br>
            <a:r>
              <a:rPr lang="en-US"/>
              <a:t>Phone +1-000-000-0000</a:t>
            </a:r>
            <a:br>
              <a:rPr lang="en-US"/>
            </a:br>
            <a:r>
              <a:rPr lang="en-US"/>
              <a:t>email</a:t>
            </a:r>
          </a:p>
        </p:txBody>
      </p:sp>
      <p:sp>
        <p:nvSpPr>
          <p:cNvPr id="27" name="Text Placeholder 3">
            <a:extLst>
              <a:ext uri="{FF2B5EF4-FFF2-40B4-BE49-F238E27FC236}">
                <a16:creationId xmlns:a16="http://schemas.microsoft.com/office/drawing/2014/main" id="{8F07464E-87A0-624A-934A-E0B211F9F86D}"/>
              </a:ext>
            </a:extLst>
          </p:cNvPr>
          <p:cNvSpPr>
            <a:spLocks noGrp="1"/>
          </p:cNvSpPr>
          <p:nvPr>
            <p:ph type="body" sz="quarter" idx="27" hasCustomPrompt="1"/>
          </p:nvPr>
        </p:nvSpPr>
        <p:spPr>
          <a:xfrm>
            <a:off x="2328331" y="4602545"/>
            <a:ext cx="3462867" cy="1092200"/>
          </a:xfrm>
        </p:spPr>
        <p:txBody>
          <a:bodyPr>
            <a:normAutofit/>
          </a:bodyPr>
          <a:lstStyle>
            <a:lvl1pPr marL="6350" indent="0">
              <a:spcAft>
                <a:spcPts val="0"/>
              </a:spcAft>
              <a:buNone/>
              <a:defRPr sz="1200"/>
            </a:lvl1pPr>
          </a:lstStyle>
          <a:p>
            <a:pPr lvl="0"/>
            <a:r>
              <a:rPr lang="en-US"/>
              <a:t>Job Title or Role</a:t>
            </a:r>
            <a:br>
              <a:rPr lang="en-US"/>
            </a:br>
            <a:r>
              <a:rPr lang="en-US"/>
              <a:t>Company Area</a:t>
            </a:r>
            <a:br>
              <a:rPr lang="en-US"/>
            </a:br>
            <a:r>
              <a:rPr lang="en-US"/>
              <a:t>Phone +1-000-000-0000</a:t>
            </a:r>
            <a:br>
              <a:rPr lang="en-US"/>
            </a:br>
            <a:r>
              <a:rPr lang="en-US"/>
              <a:t>email</a:t>
            </a:r>
          </a:p>
        </p:txBody>
      </p:sp>
      <p:sp>
        <p:nvSpPr>
          <p:cNvPr id="28" name="Text Placeholder 3">
            <a:extLst>
              <a:ext uri="{FF2B5EF4-FFF2-40B4-BE49-F238E27FC236}">
                <a16:creationId xmlns:a16="http://schemas.microsoft.com/office/drawing/2014/main" id="{2C07E621-D8D1-0E43-BD1C-B59B44BA8D3E}"/>
              </a:ext>
            </a:extLst>
          </p:cNvPr>
          <p:cNvSpPr>
            <a:spLocks noGrp="1"/>
          </p:cNvSpPr>
          <p:nvPr>
            <p:ph type="body" sz="quarter" idx="28" hasCustomPrompt="1"/>
          </p:nvPr>
        </p:nvSpPr>
        <p:spPr>
          <a:xfrm>
            <a:off x="7967133" y="4602545"/>
            <a:ext cx="3462867" cy="1092200"/>
          </a:xfrm>
        </p:spPr>
        <p:txBody>
          <a:bodyPr>
            <a:normAutofit/>
          </a:bodyPr>
          <a:lstStyle>
            <a:lvl1pPr marL="6350" indent="0">
              <a:spcAft>
                <a:spcPts val="0"/>
              </a:spcAft>
              <a:buNone/>
              <a:defRPr sz="1200"/>
            </a:lvl1pPr>
          </a:lstStyle>
          <a:p>
            <a:pPr lvl="0"/>
            <a:r>
              <a:rPr lang="en-US"/>
              <a:t>Job Title or Role</a:t>
            </a:r>
            <a:br>
              <a:rPr lang="en-US"/>
            </a:br>
            <a:r>
              <a:rPr lang="en-US"/>
              <a:t>Company Area</a:t>
            </a:r>
            <a:br>
              <a:rPr lang="en-US"/>
            </a:br>
            <a:r>
              <a:rPr lang="en-US"/>
              <a:t>Phone +1-000-000-0000</a:t>
            </a:r>
            <a:br>
              <a:rPr lang="en-US"/>
            </a:br>
            <a:r>
              <a:rPr lang="en-US"/>
              <a:t>email</a:t>
            </a:r>
          </a:p>
        </p:txBody>
      </p:sp>
    </p:spTree>
    <p:extLst>
      <p:ext uri="{BB962C8B-B14F-4D97-AF65-F5344CB8AC3E}">
        <p14:creationId xmlns:p14="http://schemas.microsoft.com/office/powerpoint/2010/main" val="124984967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Bio-2">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591551"/>
            <a:ext cx="10409484" cy="950255"/>
          </a:xfrm>
          <a:prstGeom prst="rect">
            <a:avLst/>
          </a:prstGeom>
        </p:spPr>
        <p:txBody>
          <a:bodyPr/>
          <a:lstStyle>
            <a:lvl1pPr>
              <a:defRPr/>
            </a:lvl1pPr>
          </a:lstStyle>
          <a:p>
            <a:r>
              <a:rPr lang="en-US"/>
              <a:t>Click to add one- or two-line title</a:t>
            </a:r>
          </a:p>
        </p:txBody>
      </p:sp>
      <p:sp>
        <p:nvSpPr>
          <p:cNvPr id="7" name="Slide Number Placeholder 6">
            <a:extLst>
              <a:ext uri="{FF2B5EF4-FFF2-40B4-BE49-F238E27FC236}">
                <a16:creationId xmlns:a16="http://schemas.microsoft.com/office/drawing/2014/main" id="{DE495E99-BACD-0346-8FEE-2FB7CD609F7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14" name="Text Placeholder 9">
            <a:extLst>
              <a:ext uri="{FF2B5EF4-FFF2-40B4-BE49-F238E27FC236}">
                <a16:creationId xmlns:a16="http://schemas.microsoft.com/office/drawing/2014/main" id="{FE3C2202-344C-5048-96D8-8AB8B63715C3}"/>
              </a:ext>
            </a:extLst>
          </p:cNvPr>
          <p:cNvSpPr>
            <a:spLocks noGrp="1"/>
          </p:cNvSpPr>
          <p:nvPr>
            <p:ph type="body" sz="quarter" idx="14" hasCustomPrompt="1"/>
          </p:nvPr>
        </p:nvSpPr>
        <p:spPr>
          <a:xfrm>
            <a:off x="7018867" y="1298454"/>
            <a:ext cx="4411133" cy="1441692"/>
          </a:xfrm>
        </p:spPr>
        <p:txBody>
          <a:bodyPr anchor="ctr">
            <a:normAutofit/>
          </a:bodyPr>
          <a:lstStyle>
            <a:lvl1pPr marL="4763" indent="0">
              <a:buNone/>
              <a:tabLst/>
              <a:defRPr sz="1200" b="0">
                <a:solidFill>
                  <a:schemeClr val="tx1"/>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description of role on the team or biographical information with 310 characters max, including spaces.</a:t>
            </a:r>
          </a:p>
        </p:txBody>
      </p:sp>
      <p:sp>
        <p:nvSpPr>
          <p:cNvPr id="18" name="Picture Placeholder 17">
            <a:extLst>
              <a:ext uri="{FF2B5EF4-FFF2-40B4-BE49-F238E27FC236}">
                <a16:creationId xmlns:a16="http://schemas.microsoft.com/office/drawing/2014/main" id="{4BC93915-D942-0B40-8567-AB4886728E49}"/>
              </a:ext>
            </a:extLst>
          </p:cNvPr>
          <p:cNvSpPr>
            <a:spLocks noGrp="1"/>
          </p:cNvSpPr>
          <p:nvPr>
            <p:ph type="pic" sz="quarter" idx="17"/>
          </p:nvPr>
        </p:nvSpPr>
        <p:spPr>
          <a:xfrm>
            <a:off x="762000" y="1485900"/>
            <a:ext cx="1270000" cy="1092200"/>
          </a:xfrm>
        </p:spPr>
        <p:txBody>
          <a:bodyPr/>
          <a:lstStyle/>
          <a:p>
            <a:r>
              <a:rPr lang="en-US"/>
              <a:t>Click icon to add picture</a:t>
            </a:r>
          </a:p>
        </p:txBody>
      </p:sp>
      <p:sp>
        <p:nvSpPr>
          <p:cNvPr id="19" name="Picture Placeholder 17">
            <a:extLst>
              <a:ext uri="{FF2B5EF4-FFF2-40B4-BE49-F238E27FC236}">
                <a16:creationId xmlns:a16="http://schemas.microsoft.com/office/drawing/2014/main" id="{062CCD2E-292A-414A-AC51-119544132C38}"/>
              </a:ext>
            </a:extLst>
          </p:cNvPr>
          <p:cNvSpPr>
            <a:spLocks noGrp="1"/>
          </p:cNvSpPr>
          <p:nvPr>
            <p:ph type="pic" sz="quarter" idx="18"/>
          </p:nvPr>
        </p:nvSpPr>
        <p:spPr>
          <a:xfrm>
            <a:off x="762000" y="2940050"/>
            <a:ext cx="1270000" cy="1092200"/>
          </a:xfrm>
        </p:spPr>
        <p:txBody>
          <a:bodyPr/>
          <a:lstStyle/>
          <a:p>
            <a:r>
              <a:rPr lang="en-US"/>
              <a:t>Click icon to add picture</a:t>
            </a:r>
          </a:p>
        </p:txBody>
      </p:sp>
      <p:sp>
        <p:nvSpPr>
          <p:cNvPr id="20" name="Picture Placeholder 17">
            <a:extLst>
              <a:ext uri="{FF2B5EF4-FFF2-40B4-BE49-F238E27FC236}">
                <a16:creationId xmlns:a16="http://schemas.microsoft.com/office/drawing/2014/main" id="{33AF0AC0-91FD-BC4A-9906-AA046284C98A}"/>
              </a:ext>
            </a:extLst>
          </p:cNvPr>
          <p:cNvSpPr>
            <a:spLocks noGrp="1"/>
          </p:cNvSpPr>
          <p:nvPr>
            <p:ph type="pic" sz="quarter" idx="19"/>
          </p:nvPr>
        </p:nvSpPr>
        <p:spPr>
          <a:xfrm>
            <a:off x="762000" y="4381500"/>
            <a:ext cx="1270000" cy="1092200"/>
          </a:xfrm>
        </p:spPr>
        <p:txBody>
          <a:bodyPr/>
          <a:lstStyle/>
          <a:p>
            <a:r>
              <a:rPr lang="en-US"/>
              <a:t>Click icon to add picture</a:t>
            </a:r>
          </a:p>
        </p:txBody>
      </p:sp>
      <p:sp>
        <p:nvSpPr>
          <p:cNvPr id="24" name="Text Placeholder 9">
            <a:extLst>
              <a:ext uri="{FF2B5EF4-FFF2-40B4-BE49-F238E27FC236}">
                <a16:creationId xmlns:a16="http://schemas.microsoft.com/office/drawing/2014/main" id="{59BAC25A-00A8-F340-8B35-5C7987429CF3}"/>
              </a:ext>
            </a:extLst>
          </p:cNvPr>
          <p:cNvSpPr>
            <a:spLocks noGrp="1"/>
          </p:cNvSpPr>
          <p:nvPr>
            <p:ph type="body" sz="quarter" idx="20" hasCustomPrompt="1"/>
          </p:nvPr>
        </p:nvSpPr>
        <p:spPr>
          <a:xfrm>
            <a:off x="7018867" y="2752604"/>
            <a:ext cx="4411133" cy="1441692"/>
          </a:xfrm>
        </p:spPr>
        <p:txBody>
          <a:bodyPr anchor="ctr">
            <a:normAutofit/>
          </a:bodyPr>
          <a:lstStyle>
            <a:lvl1pPr marL="4763" indent="0">
              <a:buNone/>
              <a:tabLst/>
              <a:defRPr sz="1200" b="0">
                <a:solidFill>
                  <a:schemeClr val="tx1"/>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description of role on the team or biographical information with 310 characters max, including spaces.</a:t>
            </a:r>
          </a:p>
        </p:txBody>
      </p:sp>
      <p:sp>
        <p:nvSpPr>
          <p:cNvPr id="25" name="Text Placeholder 9">
            <a:extLst>
              <a:ext uri="{FF2B5EF4-FFF2-40B4-BE49-F238E27FC236}">
                <a16:creationId xmlns:a16="http://schemas.microsoft.com/office/drawing/2014/main" id="{2CEF7601-4498-5D44-9E05-D6C624881605}"/>
              </a:ext>
            </a:extLst>
          </p:cNvPr>
          <p:cNvSpPr>
            <a:spLocks noGrp="1"/>
          </p:cNvSpPr>
          <p:nvPr>
            <p:ph type="body" sz="quarter" idx="21" hasCustomPrompt="1"/>
          </p:nvPr>
        </p:nvSpPr>
        <p:spPr>
          <a:xfrm>
            <a:off x="7018867" y="4206754"/>
            <a:ext cx="4411133" cy="1441692"/>
          </a:xfrm>
        </p:spPr>
        <p:txBody>
          <a:bodyPr anchor="ctr">
            <a:normAutofit/>
          </a:bodyPr>
          <a:lstStyle>
            <a:lvl1pPr marL="4763" indent="0">
              <a:buNone/>
              <a:tabLst/>
              <a:defRPr sz="1200" b="0">
                <a:solidFill>
                  <a:schemeClr val="tx1"/>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description of role on the team or biographical information with 310 characters max, including spaces.</a:t>
            </a:r>
          </a:p>
        </p:txBody>
      </p:sp>
      <p:pic>
        <p:nvPicPr>
          <p:cNvPr id="4" name="Picture 3">
            <a:extLst>
              <a:ext uri="{FF2B5EF4-FFF2-40B4-BE49-F238E27FC236}">
                <a16:creationId xmlns:a16="http://schemas.microsoft.com/office/drawing/2014/main" id="{A7EF8B28-8E9E-9146-9890-62DB422E8332}"/>
              </a:ext>
            </a:extLst>
          </p:cNvPr>
          <p:cNvPicPr>
            <a:picLocks noChangeAspect="1"/>
          </p:cNvPicPr>
          <p:nvPr userDrawn="1"/>
        </p:nvPicPr>
        <p:blipFill>
          <a:blip r:embed="rId2" cstate="hqprint">
            <a:extLst>
              <a:ext uri="{28A0092B-C50C-407E-A947-70E740481C1C}">
                <a14:useLocalDpi xmlns:a14="http://schemas.microsoft.com/office/drawing/2010/main"/>
              </a:ext>
            </a:extLst>
          </a:blip>
          <a:stretch>
            <a:fillRect/>
          </a:stretch>
        </p:blipFill>
        <p:spPr>
          <a:xfrm>
            <a:off x="6398542" y="1822450"/>
            <a:ext cx="296333" cy="419867"/>
          </a:xfrm>
          <a:prstGeom prst="rect">
            <a:avLst/>
          </a:prstGeom>
        </p:spPr>
      </p:pic>
      <p:pic>
        <p:nvPicPr>
          <p:cNvPr id="26" name="Picture 25">
            <a:extLst>
              <a:ext uri="{FF2B5EF4-FFF2-40B4-BE49-F238E27FC236}">
                <a16:creationId xmlns:a16="http://schemas.microsoft.com/office/drawing/2014/main" id="{881C2848-ADC0-7B43-9023-50D63537500A}"/>
              </a:ext>
            </a:extLst>
          </p:cNvPr>
          <p:cNvPicPr>
            <a:picLocks noChangeAspect="1"/>
          </p:cNvPicPr>
          <p:nvPr userDrawn="1"/>
        </p:nvPicPr>
        <p:blipFill>
          <a:blip r:embed="rId2" cstate="hqprint">
            <a:extLst>
              <a:ext uri="{28A0092B-C50C-407E-A947-70E740481C1C}">
                <a14:useLocalDpi xmlns:a14="http://schemas.microsoft.com/office/drawing/2010/main"/>
              </a:ext>
            </a:extLst>
          </a:blip>
          <a:stretch>
            <a:fillRect/>
          </a:stretch>
        </p:blipFill>
        <p:spPr>
          <a:xfrm>
            <a:off x="6398542" y="3263901"/>
            <a:ext cx="296333" cy="419867"/>
          </a:xfrm>
          <a:prstGeom prst="rect">
            <a:avLst/>
          </a:prstGeom>
        </p:spPr>
      </p:pic>
      <p:pic>
        <p:nvPicPr>
          <p:cNvPr id="27" name="Picture 26">
            <a:extLst>
              <a:ext uri="{FF2B5EF4-FFF2-40B4-BE49-F238E27FC236}">
                <a16:creationId xmlns:a16="http://schemas.microsoft.com/office/drawing/2014/main" id="{6F5197F3-F15D-184C-9D50-38204E6600F7}"/>
              </a:ext>
            </a:extLst>
          </p:cNvPr>
          <p:cNvPicPr>
            <a:picLocks noChangeAspect="1"/>
          </p:cNvPicPr>
          <p:nvPr userDrawn="1"/>
        </p:nvPicPr>
        <p:blipFill>
          <a:blip r:embed="rId2" cstate="hqprint">
            <a:extLst>
              <a:ext uri="{28A0092B-C50C-407E-A947-70E740481C1C}">
                <a14:useLocalDpi xmlns:a14="http://schemas.microsoft.com/office/drawing/2010/main"/>
              </a:ext>
            </a:extLst>
          </a:blip>
          <a:stretch>
            <a:fillRect/>
          </a:stretch>
        </p:blipFill>
        <p:spPr>
          <a:xfrm>
            <a:off x="6398542" y="4724401"/>
            <a:ext cx="296333" cy="419867"/>
          </a:xfrm>
          <a:prstGeom prst="rect">
            <a:avLst/>
          </a:prstGeom>
        </p:spPr>
      </p:pic>
      <p:sp>
        <p:nvSpPr>
          <p:cNvPr id="16" name="Text Placeholder 9">
            <a:extLst>
              <a:ext uri="{FF2B5EF4-FFF2-40B4-BE49-F238E27FC236}">
                <a16:creationId xmlns:a16="http://schemas.microsoft.com/office/drawing/2014/main" id="{72EDCB57-DBF4-BA43-83DA-CEA76919461F}"/>
              </a:ext>
            </a:extLst>
          </p:cNvPr>
          <p:cNvSpPr>
            <a:spLocks noGrp="1"/>
          </p:cNvSpPr>
          <p:nvPr>
            <p:ph type="body" sz="quarter" idx="11" hasCustomPrompt="1"/>
          </p:nvPr>
        </p:nvSpPr>
        <p:spPr>
          <a:xfrm>
            <a:off x="2328333" y="1422400"/>
            <a:ext cx="3462867" cy="292262"/>
          </a:xfrm>
        </p:spPr>
        <p:txBody>
          <a:bodyPr>
            <a:normAutofit/>
          </a:bodyPr>
          <a:lstStyle>
            <a:lvl1pPr marL="4763" indent="0">
              <a:buNone/>
              <a:tabLst/>
              <a:defRPr sz="1400" b="0">
                <a:solidFill>
                  <a:schemeClr val="tx2"/>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name</a:t>
            </a:r>
          </a:p>
        </p:txBody>
      </p:sp>
      <p:sp>
        <p:nvSpPr>
          <p:cNvPr id="17" name="Text Placeholder 9">
            <a:extLst>
              <a:ext uri="{FF2B5EF4-FFF2-40B4-BE49-F238E27FC236}">
                <a16:creationId xmlns:a16="http://schemas.microsoft.com/office/drawing/2014/main" id="{FB41D780-2F0E-1046-B4F7-574802B42B35}"/>
              </a:ext>
            </a:extLst>
          </p:cNvPr>
          <p:cNvSpPr>
            <a:spLocks noGrp="1"/>
          </p:cNvSpPr>
          <p:nvPr>
            <p:ph type="body" sz="quarter" idx="12" hasCustomPrompt="1"/>
          </p:nvPr>
        </p:nvSpPr>
        <p:spPr>
          <a:xfrm>
            <a:off x="2328333" y="2876550"/>
            <a:ext cx="3462867" cy="279160"/>
          </a:xfrm>
        </p:spPr>
        <p:txBody>
          <a:bodyPr>
            <a:normAutofit/>
          </a:bodyPr>
          <a:lstStyle>
            <a:lvl1pPr marL="4763" indent="0">
              <a:buNone/>
              <a:tabLst/>
              <a:defRPr sz="1400" b="0">
                <a:solidFill>
                  <a:schemeClr val="tx2"/>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name</a:t>
            </a:r>
          </a:p>
        </p:txBody>
      </p:sp>
      <p:sp>
        <p:nvSpPr>
          <p:cNvPr id="21" name="Text Placeholder 9">
            <a:extLst>
              <a:ext uri="{FF2B5EF4-FFF2-40B4-BE49-F238E27FC236}">
                <a16:creationId xmlns:a16="http://schemas.microsoft.com/office/drawing/2014/main" id="{AC888ABC-6BA4-D24B-A890-B09143D4F526}"/>
              </a:ext>
            </a:extLst>
          </p:cNvPr>
          <p:cNvSpPr>
            <a:spLocks noGrp="1"/>
          </p:cNvSpPr>
          <p:nvPr>
            <p:ph type="body" sz="quarter" idx="13" hasCustomPrompt="1"/>
          </p:nvPr>
        </p:nvSpPr>
        <p:spPr>
          <a:xfrm>
            <a:off x="2328333" y="4330700"/>
            <a:ext cx="3462867" cy="279160"/>
          </a:xfrm>
        </p:spPr>
        <p:txBody>
          <a:bodyPr>
            <a:normAutofit/>
          </a:bodyPr>
          <a:lstStyle>
            <a:lvl1pPr marL="4763" indent="0">
              <a:buNone/>
              <a:tabLst/>
              <a:defRPr sz="1400" b="0">
                <a:solidFill>
                  <a:schemeClr val="tx2"/>
                </a:solidFill>
              </a:defRPr>
            </a:lvl1pPr>
            <a:lvl2pPr marL="4763" indent="0">
              <a:buNone/>
              <a:tabLst/>
              <a:defRPr sz="1200">
                <a:solidFill>
                  <a:schemeClr val="tx1"/>
                </a:solidFill>
              </a:defRPr>
            </a:lvl2pPr>
            <a:lvl3pPr marL="4763" indent="0">
              <a:buNone/>
              <a:tabLst/>
              <a:defRPr sz="1200"/>
            </a:lvl3pPr>
            <a:lvl4pPr marL="4763" indent="0">
              <a:buNone/>
              <a:tabLst/>
              <a:defRPr sz="1200"/>
            </a:lvl4pPr>
            <a:lvl5pPr marL="4763" indent="0">
              <a:buNone/>
              <a:tabLst/>
              <a:defRPr sz="1200"/>
            </a:lvl5pPr>
          </a:lstStyle>
          <a:p>
            <a:pPr lvl="0"/>
            <a:r>
              <a:rPr lang="en-US"/>
              <a:t>Click to add name</a:t>
            </a:r>
          </a:p>
        </p:txBody>
      </p:sp>
      <p:sp>
        <p:nvSpPr>
          <p:cNvPr id="22" name="Text Placeholder 3">
            <a:extLst>
              <a:ext uri="{FF2B5EF4-FFF2-40B4-BE49-F238E27FC236}">
                <a16:creationId xmlns:a16="http://schemas.microsoft.com/office/drawing/2014/main" id="{804FC06C-5DE0-5345-AC13-3D58D6071D45}"/>
              </a:ext>
            </a:extLst>
          </p:cNvPr>
          <p:cNvSpPr>
            <a:spLocks noGrp="1"/>
          </p:cNvSpPr>
          <p:nvPr>
            <p:ph type="body" sz="quarter" idx="23" hasCustomPrompt="1"/>
          </p:nvPr>
        </p:nvSpPr>
        <p:spPr>
          <a:xfrm>
            <a:off x="2328331" y="1714662"/>
            <a:ext cx="3462867" cy="1092200"/>
          </a:xfrm>
        </p:spPr>
        <p:txBody>
          <a:bodyPr>
            <a:normAutofit/>
          </a:bodyPr>
          <a:lstStyle>
            <a:lvl1pPr marL="6350" indent="0">
              <a:spcAft>
                <a:spcPts val="0"/>
              </a:spcAft>
              <a:buNone/>
              <a:defRPr sz="1200"/>
            </a:lvl1pPr>
          </a:lstStyle>
          <a:p>
            <a:pPr lvl="0"/>
            <a:r>
              <a:rPr lang="en-US"/>
              <a:t>Job Title or Role</a:t>
            </a:r>
            <a:br>
              <a:rPr lang="en-US"/>
            </a:br>
            <a:r>
              <a:rPr lang="en-US"/>
              <a:t>Company Area</a:t>
            </a:r>
            <a:br>
              <a:rPr lang="en-US"/>
            </a:br>
            <a:r>
              <a:rPr lang="en-US"/>
              <a:t>Phone +1-000-000-0000</a:t>
            </a:r>
            <a:br>
              <a:rPr lang="en-US"/>
            </a:br>
            <a:r>
              <a:rPr lang="en-US"/>
              <a:t>email</a:t>
            </a:r>
          </a:p>
        </p:txBody>
      </p:sp>
      <p:sp>
        <p:nvSpPr>
          <p:cNvPr id="23" name="Text Placeholder 3">
            <a:extLst>
              <a:ext uri="{FF2B5EF4-FFF2-40B4-BE49-F238E27FC236}">
                <a16:creationId xmlns:a16="http://schemas.microsoft.com/office/drawing/2014/main" id="{37FFE531-E132-2142-BAA6-4ECF03A85611}"/>
              </a:ext>
            </a:extLst>
          </p:cNvPr>
          <p:cNvSpPr>
            <a:spLocks noGrp="1"/>
          </p:cNvSpPr>
          <p:nvPr>
            <p:ph type="body" sz="quarter" idx="25" hasCustomPrompt="1"/>
          </p:nvPr>
        </p:nvSpPr>
        <p:spPr>
          <a:xfrm>
            <a:off x="2328331" y="3155710"/>
            <a:ext cx="3462867" cy="1092200"/>
          </a:xfrm>
        </p:spPr>
        <p:txBody>
          <a:bodyPr>
            <a:normAutofit/>
          </a:bodyPr>
          <a:lstStyle>
            <a:lvl1pPr marL="6350" indent="0">
              <a:spcAft>
                <a:spcPts val="0"/>
              </a:spcAft>
              <a:buNone/>
              <a:defRPr sz="1200"/>
            </a:lvl1pPr>
          </a:lstStyle>
          <a:p>
            <a:pPr lvl="0"/>
            <a:r>
              <a:rPr lang="en-US"/>
              <a:t>Job Title or Role</a:t>
            </a:r>
            <a:br>
              <a:rPr lang="en-US"/>
            </a:br>
            <a:r>
              <a:rPr lang="en-US"/>
              <a:t>Company Area</a:t>
            </a:r>
            <a:br>
              <a:rPr lang="en-US"/>
            </a:br>
            <a:r>
              <a:rPr lang="en-US"/>
              <a:t>Phone +1-000-000-0000</a:t>
            </a:r>
            <a:br>
              <a:rPr lang="en-US"/>
            </a:br>
            <a:r>
              <a:rPr lang="en-US"/>
              <a:t>email</a:t>
            </a:r>
          </a:p>
        </p:txBody>
      </p:sp>
      <p:sp>
        <p:nvSpPr>
          <p:cNvPr id="28" name="Text Placeholder 3">
            <a:extLst>
              <a:ext uri="{FF2B5EF4-FFF2-40B4-BE49-F238E27FC236}">
                <a16:creationId xmlns:a16="http://schemas.microsoft.com/office/drawing/2014/main" id="{16CBA836-9E25-FA46-8254-4CE602F91A80}"/>
              </a:ext>
            </a:extLst>
          </p:cNvPr>
          <p:cNvSpPr>
            <a:spLocks noGrp="1"/>
          </p:cNvSpPr>
          <p:nvPr>
            <p:ph type="body" sz="quarter" idx="27" hasCustomPrompt="1"/>
          </p:nvPr>
        </p:nvSpPr>
        <p:spPr>
          <a:xfrm>
            <a:off x="2328331" y="4602545"/>
            <a:ext cx="3462867" cy="1092200"/>
          </a:xfrm>
        </p:spPr>
        <p:txBody>
          <a:bodyPr>
            <a:normAutofit/>
          </a:bodyPr>
          <a:lstStyle>
            <a:lvl1pPr marL="6350" indent="0">
              <a:spcAft>
                <a:spcPts val="0"/>
              </a:spcAft>
              <a:buNone/>
              <a:defRPr sz="1200"/>
            </a:lvl1pPr>
          </a:lstStyle>
          <a:p>
            <a:pPr lvl="0"/>
            <a:r>
              <a:rPr lang="en-US"/>
              <a:t>Job Title or Role</a:t>
            </a:r>
            <a:br>
              <a:rPr lang="en-US"/>
            </a:br>
            <a:r>
              <a:rPr lang="en-US"/>
              <a:t>Company Area</a:t>
            </a:r>
            <a:br>
              <a:rPr lang="en-US"/>
            </a:br>
            <a:r>
              <a:rPr lang="en-US"/>
              <a:t>Phone +1-000-000-0000</a:t>
            </a:r>
            <a:br>
              <a:rPr lang="en-US"/>
            </a:br>
            <a:r>
              <a:rPr lang="en-US"/>
              <a:t>email</a:t>
            </a:r>
          </a:p>
        </p:txBody>
      </p:sp>
    </p:spTree>
    <p:extLst>
      <p:ext uri="{BB962C8B-B14F-4D97-AF65-F5344CB8AC3E}">
        <p14:creationId xmlns:p14="http://schemas.microsoft.com/office/powerpoint/2010/main" val="18911198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Header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591551"/>
            <a:ext cx="10409484" cy="950255"/>
          </a:xfrm>
          <a:prstGeom prst="rect">
            <a:avLst/>
          </a:prstGeom>
        </p:spPr>
        <p:txBody>
          <a:bodyPr/>
          <a:lstStyle>
            <a:lvl1pPr>
              <a:defRPr/>
            </a:lvl1pPr>
          </a:lstStyle>
          <a:p>
            <a:r>
              <a:rPr lang="en-US"/>
              <a:t>Click to add one- or two-line title</a:t>
            </a:r>
          </a:p>
        </p:txBody>
      </p:sp>
      <p:sp>
        <p:nvSpPr>
          <p:cNvPr id="6" name="Slide Number Placeholder 5">
            <a:extLst>
              <a:ext uri="{FF2B5EF4-FFF2-40B4-BE49-F238E27FC236}">
                <a16:creationId xmlns:a16="http://schemas.microsoft.com/office/drawing/2014/main" id="{F48DFE7D-1632-3F45-A8ED-96F5B9AB348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Tree>
    <p:extLst>
      <p:ext uri="{BB962C8B-B14F-4D97-AF65-F5344CB8AC3E}">
        <p14:creationId xmlns:p14="http://schemas.microsoft.com/office/powerpoint/2010/main" val="334829099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approved logo">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5154704" y="493987"/>
            <a:ext cx="6275296" cy="1808762"/>
          </a:xfrm>
          <a:prstGeom prst="rect">
            <a:avLst/>
          </a:prstGeom>
        </p:spPr>
        <p:txBody>
          <a:bodyPr anchor="b">
            <a:noAutofit/>
          </a:bodyPr>
          <a:lstStyle>
            <a:lvl1pPr algn="l">
              <a:defRPr sz="3000"/>
            </a:lvl1pPr>
          </a:lstStyle>
          <a:p>
            <a:r>
              <a:rPr lang="en-US"/>
              <a:t>Click to edit Master title style</a:t>
            </a:r>
          </a:p>
        </p:txBody>
      </p:sp>
      <p:sp>
        <p:nvSpPr>
          <p:cNvPr id="3" name="Subtitle 2"/>
          <p:cNvSpPr>
            <a:spLocks noGrp="1"/>
          </p:cNvSpPr>
          <p:nvPr>
            <p:ph type="subTitle" idx="1"/>
          </p:nvPr>
        </p:nvSpPr>
        <p:spPr>
          <a:xfrm>
            <a:off x="5154703" y="2419586"/>
            <a:ext cx="6274676" cy="665629"/>
          </a:xfrm>
        </p:spPr>
        <p:txBody>
          <a:bodyPr>
            <a:noAutofit/>
          </a:bodyPr>
          <a:lstStyle>
            <a:lvl1pPr marL="0" indent="0" algn="l">
              <a:lnSpc>
                <a:spcPct val="90000"/>
              </a:lnSpc>
              <a:buNone/>
              <a:defRPr sz="2400" b="0">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12" name="Text Placeholder 11">
            <a:extLst>
              <a:ext uri="{FF2B5EF4-FFF2-40B4-BE49-F238E27FC236}">
                <a16:creationId xmlns:a16="http://schemas.microsoft.com/office/drawing/2014/main" id="{84A6F2C1-DC17-8A42-94AF-BEC117E9B8B3}"/>
              </a:ext>
            </a:extLst>
          </p:cNvPr>
          <p:cNvSpPr>
            <a:spLocks noGrp="1"/>
          </p:cNvSpPr>
          <p:nvPr>
            <p:ph type="body" sz="quarter" idx="10" hasCustomPrompt="1"/>
          </p:nvPr>
        </p:nvSpPr>
        <p:spPr>
          <a:xfrm>
            <a:off x="5154084" y="5671264"/>
            <a:ext cx="6275296" cy="296022"/>
          </a:xfrm>
        </p:spPr>
        <p:txBody>
          <a:bodyPr anchor="t">
            <a:noAutofit/>
          </a:bodyPr>
          <a:lstStyle>
            <a:lvl1pPr marL="6350" indent="0" algn="r">
              <a:buNone/>
              <a:defRPr>
                <a:solidFill>
                  <a:schemeClr val="tx2"/>
                </a:solidFill>
              </a:defRPr>
            </a:lvl1pPr>
          </a:lstStyle>
          <a:p>
            <a:pPr lvl="0"/>
            <a:r>
              <a:rPr lang="en-US"/>
              <a:t>Month, date, year</a:t>
            </a:r>
          </a:p>
        </p:txBody>
      </p:sp>
      <p:sp>
        <p:nvSpPr>
          <p:cNvPr id="5" name="Content Placeholder 4">
            <a:extLst>
              <a:ext uri="{FF2B5EF4-FFF2-40B4-BE49-F238E27FC236}">
                <a16:creationId xmlns:a16="http://schemas.microsoft.com/office/drawing/2014/main" id="{D8274FEB-919E-4098-A622-382DB410ED94}"/>
              </a:ext>
            </a:extLst>
          </p:cNvPr>
          <p:cNvSpPr>
            <a:spLocks noGrp="1"/>
          </p:cNvSpPr>
          <p:nvPr>
            <p:ph sz="quarter" idx="12" hasCustomPrompt="1"/>
          </p:nvPr>
        </p:nvSpPr>
        <p:spPr>
          <a:xfrm>
            <a:off x="5154084" y="3772786"/>
            <a:ext cx="3125787" cy="941388"/>
          </a:xfrm>
        </p:spPr>
        <p:txBody>
          <a:bodyPr/>
          <a:lstStyle>
            <a:lvl1pPr>
              <a:defRPr/>
            </a:lvl1pPr>
          </a:lstStyle>
          <a:p>
            <a:pPr lvl="0"/>
            <a:r>
              <a:rPr lang="en-US"/>
              <a:t>Insert approved logo here</a:t>
            </a:r>
          </a:p>
        </p:txBody>
      </p:sp>
    </p:spTree>
    <p:extLst>
      <p:ext uri="{BB962C8B-B14F-4D97-AF65-F5344CB8AC3E}">
        <p14:creationId xmlns:p14="http://schemas.microsoft.com/office/powerpoint/2010/main" val="2514167133"/>
      </p:ext>
    </p:extLst>
  </p:cSld>
  <p:clrMapOvr>
    <a:overrideClrMapping bg1="lt1" tx1="dk1" bg2="lt2" tx2="dk2" accent1="accent1" accent2="accent2" accent3="accent3" accent4="accent4" accent5="accent5" accent6="accent6" hlink="hlink" folHlink="folHlink"/>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F48DFE7D-1632-3F45-A8ED-96F5B9AB348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Tree>
    <p:extLst>
      <p:ext uri="{BB962C8B-B14F-4D97-AF65-F5344CB8AC3E}">
        <p14:creationId xmlns:p14="http://schemas.microsoft.com/office/powerpoint/2010/main" val="274519943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Disclaim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591551"/>
            <a:ext cx="10409484" cy="950255"/>
          </a:xfrm>
          <a:prstGeom prst="rect">
            <a:avLst/>
          </a:prstGeom>
        </p:spPr>
        <p:txBody>
          <a:bodyPr/>
          <a:lstStyle>
            <a:lvl1pPr>
              <a:defRPr/>
            </a:lvl1pPr>
          </a:lstStyle>
          <a:p>
            <a:r>
              <a:rPr lang="en-US"/>
              <a:t>Disclaimer Slide: Click to edit title</a:t>
            </a:r>
          </a:p>
        </p:txBody>
      </p:sp>
      <p:sp>
        <p:nvSpPr>
          <p:cNvPr id="6" name="Slide Number Placeholder 5">
            <a:extLst>
              <a:ext uri="{FF2B5EF4-FFF2-40B4-BE49-F238E27FC236}">
                <a16:creationId xmlns:a16="http://schemas.microsoft.com/office/drawing/2014/main" id="{F48DFE7D-1632-3F45-A8ED-96F5B9AB348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5" name="TextBox 4">
            <a:extLst>
              <a:ext uri="{FF2B5EF4-FFF2-40B4-BE49-F238E27FC236}">
                <a16:creationId xmlns:a16="http://schemas.microsoft.com/office/drawing/2014/main" id="{6B8A4E2F-5675-40E8-8CAF-16759E693EFD}"/>
              </a:ext>
            </a:extLst>
          </p:cNvPr>
          <p:cNvSpPr txBox="1"/>
          <p:nvPr userDrawn="1"/>
        </p:nvSpPr>
        <p:spPr>
          <a:xfrm>
            <a:off x="762000" y="1621463"/>
            <a:ext cx="10667999" cy="2892056"/>
          </a:xfrm>
          <a:prstGeom prst="rect">
            <a:avLst/>
          </a:prstGeom>
          <a:noFill/>
        </p:spPr>
        <p:txBody>
          <a:bodyPr wrap="square" lIns="0" tIns="0" rIns="0" bIns="0" rtlCol="0" anchor="t">
            <a:noAutofit/>
          </a:bodyPr>
          <a:lstStyle/>
          <a:p>
            <a:pPr>
              <a:lnSpc>
                <a:spcPct val="110000"/>
              </a:lnSpc>
              <a:spcAft>
                <a:spcPts val="400"/>
              </a:spcAft>
            </a:pPr>
            <a:r>
              <a:rPr lang="en-US" sz="1200"/>
              <a:t>Chatham Hedging Advisors, LLC (CHA) is a subsidiary of Chatham Financial Corp. and provides hedge advisory, accounting and execution services related to swap transactions in the United States. CHA is registered with the Commodity Futures Trading Commission (CFTC) as a commodity trading advisor and is a member of the National Futures Association (NFA); however, neither the CFTC nor the NFA have passed upon the merits of participating in any advisory services offered by CHA. For further information, please visit </a:t>
            </a:r>
            <a:r>
              <a:rPr lang="en-US" sz="1200" b="1">
                <a:solidFill>
                  <a:schemeClr val="accent2"/>
                </a:solidFill>
              </a:rPr>
              <a:t>chathamfinancial.com/legal/notices</a:t>
            </a:r>
            <a:r>
              <a:rPr lang="en-US" sz="1200" b="0">
                <a:solidFill>
                  <a:schemeClr val="tx1"/>
                </a:solidFill>
              </a:rPr>
              <a:t>.</a:t>
            </a:r>
            <a:endParaRPr lang="en-US" sz="1200"/>
          </a:p>
          <a:p>
            <a:pPr>
              <a:lnSpc>
                <a:spcPct val="110000"/>
              </a:lnSpc>
              <a:spcAft>
                <a:spcPts val="400"/>
              </a:spcAft>
            </a:pPr>
            <a:r>
              <a:rPr lang="en-US" sz="1200"/>
              <a:t>Transactions in over-the-counter derivatives (or “swaps”) have significant risks, including, but not limited to, substantial risk of loss. You should consult your own business, legal, tax and accounting advisers with respect to proposed swap transaction and you should refrain from entering into any swap transaction unless you have fully understood the terms and risks of the transaction, including the extent of your potential risk of loss. This material has been prepared by a sales or trading employee or agent of Chatham Hedging Advisors and could be deemed a solicitation for entering into a derivatives transaction. This material is not a research report prepared by Chatham Hedging Advisors. If you are not an experienced user of the derivatives markets, capable of making independent trading decisions, then you should not rely solely on this communication in making trading decisions. </a:t>
            </a:r>
          </a:p>
          <a:p>
            <a:pPr>
              <a:lnSpc>
                <a:spcPct val="110000"/>
              </a:lnSpc>
              <a:spcAft>
                <a:spcPts val="400"/>
              </a:spcAft>
            </a:pPr>
            <a:r>
              <a:rPr lang="en-US" sz="1200"/>
              <a:t>All rights reserved.</a:t>
            </a:r>
          </a:p>
        </p:txBody>
      </p:sp>
      <p:sp>
        <p:nvSpPr>
          <p:cNvPr id="7" name="Text Placeholder 9">
            <a:extLst>
              <a:ext uri="{FF2B5EF4-FFF2-40B4-BE49-F238E27FC236}">
                <a16:creationId xmlns:a16="http://schemas.microsoft.com/office/drawing/2014/main" id="{D3BC50A5-62CE-4E71-9A42-5DED541D4D31}"/>
              </a:ext>
            </a:extLst>
          </p:cNvPr>
          <p:cNvSpPr>
            <a:spLocks noGrp="1"/>
          </p:cNvSpPr>
          <p:nvPr>
            <p:ph type="body" sz="quarter" idx="12" hasCustomPrompt="1"/>
          </p:nvPr>
        </p:nvSpPr>
        <p:spPr>
          <a:xfrm>
            <a:off x="7073152" y="5891864"/>
            <a:ext cx="4356847" cy="166036"/>
          </a:xfrm>
        </p:spPr>
        <p:txBody>
          <a:bodyPr anchor="b">
            <a:normAutofit/>
          </a:bodyPr>
          <a:lstStyle>
            <a:lvl1pPr marL="6350" indent="0" algn="r">
              <a:buNone/>
              <a:defRPr lang="en-US" sz="800" b="0" smtClean="0">
                <a:effectLst/>
              </a:defRPr>
            </a:lvl1pPr>
            <a:lvl5pPr marL="690563" indent="0">
              <a:buNone/>
              <a:defRPr/>
            </a:lvl5pPr>
          </a:lstStyle>
          <a:p>
            <a:pPr lvl="0"/>
            <a:r>
              <a:rPr lang="en-US"/>
              <a:t>Edit Dodd-Frank Compliance # from Marketing 19-00XX</a:t>
            </a:r>
          </a:p>
        </p:txBody>
      </p:sp>
    </p:spTree>
    <p:extLst>
      <p:ext uri="{BB962C8B-B14F-4D97-AF65-F5344CB8AC3E}">
        <p14:creationId xmlns:p14="http://schemas.microsoft.com/office/powerpoint/2010/main" val="275290306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Disclaimer Foot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591551"/>
            <a:ext cx="10409484" cy="950255"/>
          </a:xfrm>
          <a:prstGeom prst="rect">
            <a:avLst/>
          </a:prstGeom>
        </p:spPr>
        <p:txBody>
          <a:bodyPr/>
          <a:lstStyle>
            <a:lvl1pPr>
              <a:defRPr/>
            </a:lvl1pPr>
          </a:lstStyle>
          <a:p>
            <a:r>
              <a:rPr lang="en-US"/>
              <a:t>Disclaimer Slide: Click to edit title</a:t>
            </a:r>
          </a:p>
        </p:txBody>
      </p:sp>
      <p:sp>
        <p:nvSpPr>
          <p:cNvPr id="6" name="Slide Number Placeholder 5">
            <a:extLst>
              <a:ext uri="{FF2B5EF4-FFF2-40B4-BE49-F238E27FC236}">
                <a16:creationId xmlns:a16="http://schemas.microsoft.com/office/drawing/2014/main" id="{F48DFE7D-1632-3F45-A8ED-96F5B9AB348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4" name="Text Placeholder 8">
            <a:extLst>
              <a:ext uri="{FF2B5EF4-FFF2-40B4-BE49-F238E27FC236}">
                <a16:creationId xmlns:a16="http://schemas.microsoft.com/office/drawing/2014/main" id="{76EED5E1-182B-4BE7-9C34-A36BE1B8356E}"/>
              </a:ext>
            </a:extLst>
          </p:cNvPr>
          <p:cNvSpPr>
            <a:spLocks noGrp="1"/>
          </p:cNvSpPr>
          <p:nvPr>
            <p:ph type="body" sz="quarter" idx="11" hasCustomPrompt="1"/>
          </p:nvPr>
        </p:nvSpPr>
        <p:spPr>
          <a:xfrm>
            <a:off x="762001" y="929152"/>
            <a:ext cx="10409484" cy="459490"/>
          </a:xfrm>
        </p:spPr>
        <p:txBody>
          <a:bodyPr>
            <a:noAutofit/>
          </a:bodyPr>
          <a:lstStyle>
            <a:lvl1pPr marL="6350" indent="0">
              <a:buNone/>
              <a:defRPr sz="2000" b="0">
                <a:solidFill>
                  <a:schemeClr val="accent2"/>
                </a:solidFill>
              </a:defRPr>
            </a:lvl1pPr>
          </a:lstStyle>
          <a:p>
            <a:pPr lvl="0"/>
            <a:r>
              <a:rPr lang="en-US"/>
              <a:t>Click to add subtitle</a:t>
            </a:r>
          </a:p>
        </p:txBody>
      </p:sp>
      <p:sp>
        <p:nvSpPr>
          <p:cNvPr id="8" name="TextBox 7">
            <a:extLst>
              <a:ext uri="{FF2B5EF4-FFF2-40B4-BE49-F238E27FC236}">
                <a16:creationId xmlns:a16="http://schemas.microsoft.com/office/drawing/2014/main" id="{14D94F0E-67DE-4165-81BF-A90260E05757}"/>
              </a:ext>
            </a:extLst>
          </p:cNvPr>
          <p:cNvSpPr txBox="1"/>
          <p:nvPr userDrawn="1"/>
        </p:nvSpPr>
        <p:spPr>
          <a:xfrm>
            <a:off x="762001" y="2509284"/>
            <a:ext cx="10667999" cy="2892056"/>
          </a:xfrm>
          <a:prstGeom prst="rect">
            <a:avLst/>
          </a:prstGeom>
          <a:noFill/>
        </p:spPr>
        <p:txBody>
          <a:bodyPr wrap="square" lIns="0" tIns="0" rIns="0" bIns="0" rtlCol="0" anchor="b">
            <a:noAutofit/>
          </a:bodyPr>
          <a:lstStyle/>
          <a:p>
            <a:pPr>
              <a:lnSpc>
                <a:spcPct val="110000"/>
              </a:lnSpc>
              <a:spcAft>
                <a:spcPts val="400"/>
              </a:spcAft>
            </a:pPr>
            <a:r>
              <a:rPr lang="en-US" sz="800"/>
              <a:t>Chatham Hedging Advisors, LLC (CHA) is a subsidiary of Chatham Financial Corp. and provides hedge advisory, accounting and execution services related to swap transactions in the United States. CHA is registered with the Commodity Futures Trading Commission (CFTC) as a commodity trading advisor and is a member of the National Futures Association (NFA); however, neither the CFTC nor the NFA have passed upon the merits of participating in any advisory services offered by CHA. For further information, please visit </a:t>
            </a:r>
            <a:r>
              <a:rPr lang="en-US" sz="800" b="1">
                <a:solidFill>
                  <a:schemeClr val="accent2"/>
                </a:solidFill>
              </a:rPr>
              <a:t>chathamfinancial.com/legal/notices</a:t>
            </a:r>
            <a:r>
              <a:rPr lang="en-US" sz="800" b="0">
                <a:solidFill>
                  <a:schemeClr val="tx1"/>
                </a:solidFill>
              </a:rPr>
              <a:t>.</a:t>
            </a:r>
            <a:endParaRPr lang="en-US" sz="800"/>
          </a:p>
          <a:p>
            <a:pPr>
              <a:lnSpc>
                <a:spcPct val="110000"/>
              </a:lnSpc>
              <a:spcAft>
                <a:spcPts val="400"/>
              </a:spcAft>
            </a:pPr>
            <a:r>
              <a:rPr lang="en-US" sz="800"/>
              <a:t>Transactions in over-the-counter derivatives (or “swaps”) have significant risks, including, but not limited to, substantial risk of loss. You should consult your own business, legal, tax and accounting advisers with respect to proposed swap transaction and you should refrain from entering into any swap transaction unless you have fully understood the terms and risks of the transaction, including the extent of your potential risk of loss. This material has been prepared by a sales or trading employee or agent of Chatham Hedging Advisors and could be deemed a solicitation for entering into a derivatives transaction. This material is not a research report prepared by Chatham Hedging Advisors. If you are not an experienced user of the derivatives markets, capable of making independent trading decisions, then you should not rely solely on this communication in making trading decisions. </a:t>
            </a:r>
          </a:p>
          <a:p>
            <a:pPr>
              <a:lnSpc>
                <a:spcPct val="110000"/>
              </a:lnSpc>
              <a:spcAft>
                <a:spcPts val="400"/>
              </a:spcAft>
            </a:pPr>
            <a:r>
              <a:rPr lang="en-US" sz="800"/>
              <a:t>All rights reserved.</a:t>
            </a:r>
          </a:p>
        </p:txBody>
      </p:sp>
      <p:sp>
        <p:nvSpPr>
          <p:cNvPr id="10" name="Text Placeholder 9">
            <a:extLst>
              <a:ext uri="{FF2B5EF4-FFF2-40B4-BE49-F238E27FC236}">
                <a16:creationId xmlns:a16="http://schemas.microsoft.com/office/drawing/2014/main" id="{F75BE9CA-7770-4253-906A-25FC498257A8}"/>
              </a:ext>
            </a:extLst>
          </p:cNvPr>
          <p:cNvSpPr>
            <a:spLocks noGrp="1"/>
          </p:cNvSpPr>
          <p:nvPr>
            <p:ph type="body" sz="quarter" idx="12" hasCustomPrompt="1"/>
          </p:nvPr>
        </p:nvSpPr>
        <p:spPr>
          <a:xfrm>
            <a:off x="7073153" y="5891864"/>
            <a:ext cx="4356847" cy="166036"/>
          </a:xfrm>
        </p:spPr>
        <p:txBody>
          <a:bodyPr anchor="b">
            <a:normAutofit/>
          </a:bodyPr>
          <a:lstStyle>
            <a:lvl1pPr marL="6350" indent="0" algn="r">
              <a:buNone/>
              <a:defRPr lang="en-US" sz="800" b="0" smtClean="0">
                <a:effectLst/>
              </a:defRPr>
            </a:lvl1pPr>
            <a:lvl5pPr marL="690563" indent="0">
              <a:buNone/>
              <a:defRPr/>
            </a:lvl5pPr>
          </a:lstStyle>
          <a:p>
            <a:pPr lvl="0"/>
            <a:r>
              <a:rPr lang="en-US"/>
              <a:t>Edit Dodd-Frank Compliance # from Marketing 19-00XX</a:t>
            </a:r>
          </a:p>
        </p:txBody>
      </p:sp>
    </p:spTree>
    <p:extLst>
      <p:ext uri="{BB962C8B-B14F-4D97-AF65-F5344CB8AC3E}">
        <p14:creationId xmlns:p14="http://schemas.microsoft.com/office/powerpoint/2010/main" val="69862993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Header | Subhead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591551"/>
            <a:ext cx="10409484" cy="950255"/>
          </a:xfrm>
          <a:prstGeom prst="rect">
            <a:avLst/>
          </a:prstGeom>
        </p:spPr>
        <p:txBody>
          <a:bodyPr/>
          <a:lstStyle>
            <a:lvl1pPr>
              <a:defRPr/>
            </a:lvl1pPr>
          </a:lstStyle>
          <a:p>
            <a:r>
              <a:rPr lang="en-US"/>
              <a:t>Click to add one- or two-line title</a:t>
            </a:r>
          </a:p>
        </p:txBody>
      </p:sp>
      <p:sp>
        <p:nvSpPr>
          <p:cNvPr id="6" name="Slide Number Placeholder 5">
            <a:extLst>
              <a:ext uri="{FF2B5EF4-FFF2-40B4-BE49-F238E27FC236}">
                <a16:creationId xmlns:a16="http://schemas.microsoft.com/office/drawing/2014/main" id="{F48DFE7D-1632-3F45-A8ED-96F5B9AB348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4" name="Text Placeholder 8">
            <a:extLst>
              <a:ext uri="{FF2B5EF4-FFF2-40B4-BE49-F238E27FC236}">
                <a16:creationId xmlns:a16="http://schemas.microsoft.com/office/drawing/2014/main" id="{76EED5E1-182B-4BE7-9C34-A36BE1B8356E}"/>
              </a:ext>
            </a:extLst>
          </p:cNvPr>
          <p:cNvSpPr>
            <a:spLocks noGrp="1"/>
          </p:cNvSpPr>
          <p:nvPr>
            <p:ph type="body" sz="quarter" idx="11" hasCustomPrompt="1"/>
          </p:nvPr>
        </p:nvSpPr>
        <p:spPr>
          <a:xfrm>
            <a:off x="762001" y="918520"/>
            <a:ext cx="10409484" cy="459490"/>
          </a:xfrm>
        </p:spPr>
        <p:txBody>
          <a:bodyPr>
            <a:noAutofit/>
          </a:bodyPr>
          <a:lstStyle>
            <a:lvl1pPr marL="6350" indent="0">
              <a:buNone/>
              <a:defRPr sz="2000" b="0">
                <a:solidFill>
                  <a:schemeClr val="accent2"/>
                </a:solidFill>
              </a:defRPr>
            </a:lvl1pPr>
          </a:lstStyle>
          <a:p>
            <a:pPr lvl="0"/>
            <a:r>
              <a:rPr lang="en-US"/>
              <a:t>Click to add subtitle</a:t>
            </a:r>
          </a:p>
        </p:txBody>
      </p:sp>
    </p:spTree>
    <p:extLst>
      <p:ext uri="{BB962C8B-B14F-4D97-AF65-F5344CB8AC3E}">
        <p14:creationId xmlns:p14="http://schemas.microsoft.com/office/powerpoint/2010/main" val="404165353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type="titleOnly" preserve="1">
  <p:cSld name="Closing">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0" y="1447801"/>
            <a:ext cx="10591800" cy="3143249"/>
          </a:xfrm>
          <a:prstGeom prst="rect">
            <a:avLst/>
          </a:prstGeom>
        </p:spPr>
        <p:txBody>
          <a:bodyPr>
            <a:noAutofit/>
          </a:bodyPr>
          <a:lstStyle>
            <a:lvl1pPr>
              <a:defRPr sz="6000" b="0"/>
            </a:lvl1pPr>
          </a:lstStyle>
          <a:p>
            <a:r>
              <a:rPr lang="en-US"/>
              <a:t>Click to add conclusion slide title</a:t>
            </a:r>
          </a:p>
        </p:txBody>
      </p:sp>
    </p:spTree>
    <p:extLst>
      <p:ext uri="{BB962C8B-B14F-4D97-AF65-F5344CB8AC3E}">
        <p14:creationId xmlns:p14="http://schemas.microsoft.com/office/powerpoint/2010/main" val="3534741975"/>
      </p:ext>
    </p:extLst>
  </p:cSld>
  <p:clrMapOvr>
    <a:overrideClrMapping bg1="lt1" tx1="dk1" bg2="lt2" tx2="dk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ransition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6678C8AC-22B9-AC4B-AE7E-CB9F0BFAB64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12" name="Text Placeholder 11">
            <a:extLst>
              <a:ext uri="{FF2B5EF4-FFF2-40B4-BE49-F238E27FC236}">
                <a16:creationId xmlns:a16="http://schemas.microsoft.com/office/drawing/2014/main" id="{D21936B3-92B9-1349-9B66-6C6F0CEB0849}"/>
              </a:ext>
            </a:extLst>
          </p:cNvPr>
          <p:cNvSpPr>
            <a:spLocks noGrp="1"/>
          </p:cNvSpPr>
          <p:nvPr>
            <p:ph type="body" sz="quarter" idx="11" hasCustomPrompt="1"/>
          </p:nvPr>
        </p:nvSpPr>
        <p:spPr>
          <a:xfrm>
            <a:off x="762000" y="1104900"/>
            <a:ext cx="5334000" cy="4572000"/>
          </a:xfrm>
        </p:spPr>
        <p:txBody>
          <a:bodyPr/>
          <a:lstStyle>
            <a:lvl1pPr marL="6350" indent="0">
              <a:lnSpc>
                <a:spcPct val="90000"/>
              </a:lnSpc>
              <a:buFont typeface="Arial" panose="020B0604020202020204" pitchFamily="34" charset="0"/>
              <a:buNone/>
              <a:tabLst/>
              <a:defRPr sz="2400" b="0">
                <a:solidFill>
                  <a:schemeClr val="tx2"/>
                </a:solidFill>
              </a:defRPr>
            </a:lvl1pPr>
            <a:lvl2pPr marL="9525" indent="0">
              <a:lnSpc>
                <a:spcPct val="90000"/>
              </a:lnSpc>
              <a:buNone/>
              <a:tabLst/>
              <a:defRPr sz="2000" b="0">
                <a:solidFill>
                  <a:schemeClr val="tx2"/>
                </a:solidFill>
              </a:defRPr>
            </a:lvl2pPr>
            <a:lvl3pPr marL="288925" indent="0">
              <a:lnSpc>
                <a:spcPct val="90000"/>
              </a:lnSpc>
              <a:buNone/>
              <a:tabLst/>
              <a:defRPr>
                <a:solidFill>
                  <a:schemeClr val="tx2"/>
                </a:solidFill>
              </a:defRPr>
            </a:lvl3pPr>
            <a:lvl4pPr marL="288925" indent="0">
              <a:lnSpc>
                <a:spcPct val="90000"/>
              </a:lnSpc>
              <a:buNone/>
              <a:tabLst/>
              <a:defRPr>
                <a:solidFill>
                  <a:schemeClr val="tx2"/>
                </a:solidFill>
              </a:defRPr>
            </a:lvl4pPr>
            <a:lvl5pPr marL="288925" indent="0">
              <a:lnSpc>
                <a:spcPct val="90000"/>
              </a:lnSpc>
              <a:buNone/>
              <a:tabLst/>
              <a:defRPr>
                <a:solidFill>
                  <a:schemeClr val="tx2"/>
                </a:solidFill>
              </a:defRPr>
            </a:lvl5pPr>
          </a:lstStyle>
          <a:p>
            <a:pPr lvl="0"/>
            <a:r>
              <a:rPr lang="en-US"/>
              <a:t>Click to add transition slide title, indent for subtitle style</a:t>
            </a:r>
          </a:p>
          <a:p>
            <a:pPr lvl="1"/>
            <a:r>
              <a:rPr lang="en-US"/>
              <a:t>Second level</a:t>
            </a:r>
          </a:p>
          <a:p>
            <a:pPr lvl="2"/>
            <a:r>
              <a:rPr lang="en-US"/>
              <a:t>Third level</a:t>
            </a:r>
          </a:p>
          <a:p>
            <a:pPr lvl="3"/>
            <a:r>
              <a:rPr lang="en-US"/>
              <a:t>Fourth level</a:t>
            </a:r>
          </a:p>
          <a:p>
            <a:pPr lvl="4"/>
            <a:r>
              <a:rPr lang="en-US"/>
              <a:t>Fifth level</a:t>
            </a:r>
          </a:p>
        </p:txBody>
      </p:sp>
      <p:sp>
        <p:nvSpPr>
          <p:cNvPr id="13" name="Rectangle 12">
            <a:extLst>
              <a:ext uri="{FF2B5EF4-FFF2-40B4-BE49-F238E27FC236}">
                <a16:creationId xmlns:a16="http://schemas.microsoft.com/office/drawing/2014/main" id="{B1A68458-DD2F-594C-845C-6327CA4A15E9}"/>
              </a:ext>
            </a:extLst>
          </p:cNvPr>
          <p:cNvSpPr/>
          <p:nvPr userDrawn="1"/>
        </p:nvSpPr>
        <p:spPr>
          <a:xfrm>
            <a:off x="10085295" y="6435257"/>
            <a:ext cx="1443317" cy="1660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72585770"/>
      </p:ext>
    </p:extLst>
  </p:cSld>
  <p:clrMapOvr>
    <a:overrideClrMapping bg1="lt1" tx1="dk1" bg2="lt2" tx2="dk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495301"/>
            <a:ext cx="7263113" cy="950255"/>
          </a:xfrm>
          <a:prstGeom prst="rect">
            <a:avLst/>
          </a:prstGeom>
        </p:spPr>
        <p:txBody>
          <a:bodyPr/>
          <a:lstStyle/>
          <a:p>
            <a:r>
              <a:rPr lang="en-US"/>
              <a:t>Click to edit agenda title</a:t>
            </a:r>
          </a:p>
        </p:txBody>
      </p:sp>
      <p:sp>
        <p:nvSpPr>
          <p:cNvPr id="3" name="Content Placeholder 2"/>
          <p:cNvSpPr>
            <a:spLocks noGrp="1"/>
          </p:cNvSpPr>
          <p:nvPr>
            <p:ph idx="1" hasCustomPrompt="1"/>
          </p:nvPr>
        </p:nvSpPr>
        <p:spPr>
          <a:xfrm>
            <a:off x="762001" y="1511284"/>
            <a:ext cx="8439752" cy="4622816"/>
          </a:xfrm>
        </p:spPr>
        <p:txBody>
          <a:bodyPr/>
          <a:lstStyle>
            <a:lvl1pPr marL="234950" indent="-228600">
              <a:spcBef>
                <a:spcPts val="800"/>
              </a:spcBef>
              <a:spcAft>
                <a:spcPts val="100"/>
              </a:spcAft>
              <a:buFont typeface="+mj-lt"/>
              <a:buAutoNum type="arabicPeriod"/>
              <a:tabLst/>
              <a:defRPr b="0"/>
            </a:lvl1pPr>
            <a:lvl2pPr marL="234950" indent="0">
              <a:spcAft>
                <a:spcPts val="100"/>
              </a:spcAft>
              <a:buNone/>
              <a:tabLst/>
              <a:defRPr sz="1400"/>
            </a:lvl2pPr>
            <a:lvl3pPr marL="344488" indent="0">
              <a:spcAft>
                <a:spcPts val="100"/>
              </a:spcAft>
              <a:buNone/>
              <a:defRPr/>
            </a:lvl3pPr>
            <a:lvl4pPr marL="519112" indent="0">
              <a:spcAft>
                <a:spcPts val="100"/>
              </a:spcAft>
              <a:buNone/>
              <a:defRPr/>
            </a:lvl4pPr>
            <a:lvl5pPr marL="630238" indent="0">
              <a:spcAft>
                <a:spcPts val="100"/>
              </a:spcAft>
              <a:buNone/>
              <a:tabLst/>
              <a:defRPr/>
            </a:lvl5pPr>
          </a:lstStyle>
          <a:p>
            <a:pPr lvl="0"/>
            <a:r>
              <a:rPr lang="en-US"/>
              <a:t>Click to add agenda items, indent for level-two item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DE495E99-BACD-0346-8FEE-2FB7CD609F7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Tree>
    <p:extLst>
      <p:ext uri="{BB962C8B-B14F-4D97-AF65-F5344CB8AC3E}">
        <p14:creationId xmlns:p14="http://schemas.microsoft.com/office/powerpoint/2010/main" val="863183018"/>
      </p:ext>
    </p:extLst>
  </p:cSld>
  <p:clrMapOvr>
    <a:overrideClrMapping bg1="lt1" tx1="dk1" bg2="lt2" tx2="dk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with bullet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495301"/>
            <a:ext cx="7263113" cy="950255"/>
          </a:xfrm>
          <a:prstGeom prst="rect">
            <a:avLst/>
          </a:prstGeom>
        </p:spPr>
        <p:txBody>
          <a:bodyPr/>
          <a:lstStyle/>
          <a:p>
            <a:r>
              <a:rPr lang="en-US"/>
              <a:t>Click to edit agenda title</a:t>
            </a:r>
          </a:p>
        </p:txBody>
      </p:sp>
      <p:sp>
        <p:nvSpPr>
          <p:cNvPr id="7" name="Slide Number Placeholder 6">
            <a:extLst>
              <a:ext uri="{FF2B5EF4-FFF2-40B4-BE49-F238E27FC236}">
                <a16:creationId xmlns:a16="http://schemas.microsoft.com/office/drawing/2014/main" id="{DE495E99-BACD-0346-8FEE-2FB7CD609F7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8" name="Text Placeholder 4">
            <a:extLst>
              <a:ext uri="{FF2B5EF4-FFF2-40B4-BE49-F238E27FC236}">
                <a16:creationId xmlns:a16="http://schemas.microsoft.com/office/drawing/2014/main" id="{11FD79CA-DA07-42B1-B52B-24B29A30DC32}"/>
              </a:ext>
            </a:extLst>
          </p:cNvPr>
          <p:cNvSpPr>
            <a:spLocks noGrp="1"/>
          </p:cNvSpPr>
          <p:nvPr>
            <p:ph type="body" sz="quarter" idx="11"/>
          </p:nvPr>
        </p:nvSpPr>
        <p:spPr>
          <a:xfrm>
            <a:off x="762000" y="1514144"/>
            <a:ext cx="8439150" cy="46199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490480375"/>
      </p:ext>
    </p:extLst>
  </p:cSld>
  <p:clrMapOvr>
    <a:overrideClrMapping bg1="lt1" tx1="dk1" bg2="lt2" tx2="dk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 preserve="1">
  <p:cSld name="Header | Bullet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591551"/>
            <a:ext cx="10409484" cy="923673"/>
          </a:xfrm>
          <a:prstGeom prst="rect">
            <a:avLst/>
          </a:prstGeom>
        </p:spPr>
        <p:txBody>
          <a:bodyPr/>
          <a:lstStyle/>
          <a:p>
            <a:r>
              <a:rPr lang="en-US"/>
              <a:t>Click to add one- or two-line title</a:t>
            </a:r>
          </a:p>
        </p:txBody>
      </p:sp>
      <p:sp>
        <p:nvSpPr>
          <p:cNvPr id="3" name="Content Placeholder 2"/>
          <p:cNvSpPr>
            <a:spLocks noGrp="1"/>
          </p:cNvSpPr>
          <p:nvPr>
            <p:ph idx="1"/>
          </p:nvPr>
        </p:nvSpPr>
        <p:spPr>
          <a:xfrm>
            <a:off x="762000" y="1515224"/>
            <a:ext cx="10668000" cy="4618876"/>
          </a:xfrm>
        </p:spPr>
        <p:txBody>
          <a:bodyPr>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DE495E99-BACD-0346-8FEE-2FB7CD609F7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Tree>
    <p:extLst>
      <p:ext uri="{BB962C8B-B14F-4D97-AF65-F5344CB8AC3E}">
        <p14:creationId xmlns:p14="http://schemas.microsoft.com/office/powerpoint/2010/main" val="47273889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Header | Subhead | Bullets">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2" y="571500"/>
            <a:ext cx="10409484" cy="365311"/>
          </a:xfrm>
          <a:prstGeom prst="rect">
            <a:avLst/>
          </a:prstGeom>
        </p:spPr>
        <p:txBody>
          <a:bodyPr/>
          <a:lstStyle>
            <a:lvl1pPr>
              <a:defRPr/>
            </a:lvl1pPr>
          </a:lstStyle>
          <a:p>
            <a:r>
              <a:rPr lang="en-US"/>
              <a:t>Click to add one-line title</a:t>
            </a:r>
          </a:p>
        </p:txBody>
      </p:sp>
      <p:sp>
        <p:nvSpPr>
          <p:cNvPr id="3" name="Content Placeholder 2"/>
          <p:cNvSpPr>
            <a:spLocks noGrp="1"/>
          </p:cNvSpPr>
          <p:nvPr>
            <p:ph idx="1"/>
          </p:nvPr>
        </p:nvSpPr>
        <p:spPr>
          <a:xfrm>
            <a:off x="762000" y="1514094"/>
            <a:ext cx="10668000" cy="462000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Slide Number Placeholder 6">
            <a:extLst>
              <a:ext uri="{FF2B5EF4-FFF2-40B4-BE49-F238E27FC236}">
                <a16:creationId xmlns:a16="http://schemas.microsoft.com/office/drawing/2014/main" id="{DE495E99-BACD-0346-8FEE-2FB7CD609F7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9" name="Text Placeholder 8">
            <a:extLst>
              <a:ext uri="{FF2B5EF4-FFF2-40B4-BE49-F238E27FC236}">
                <a16:creationId xmlns:a16="http://schemas.microsoft.com/office/drawing/2014/main" id="{E89DE8BD-D58F-7A46-9BD7-06EF85845ECC}"/>
              </a:ext>
            </a:extLst>
          </p:cNvPr>
          <p:cNvSpPr>
            <a:spLocks noGrp="1"/>
          </p:cNvSpPr>
          <p:nvPr>
            <p:ph type="body" sz="quarter" idx="11" hasCustomPrompt="1"/>
          </p:nvPr>
        </p:nvSpPr>
        <p:spPr>
          <a:xfrm>
            <a:off x="762000" y="909657"/>
            <a:ext cx="10409484" cy="459490"/>
          </a:xfrm>
        </p:spPr>
        <p:txBody>
          <a:bodyPr>
            <a:noAutofit/>
          </a:bodyPr>
          <a:lstStyle>
            <a:lvl1pPr marL="6350" indent="0">
              <a:buNone/>
              <a:defRPr sz="2000" b="0">
                <a:solidFill>
                  <a:schemeClr val="accent2"/>
                </a:solidFill>
              </a:defRPr>
            </a:lvl1pPr>
          </a:lstStyle>
          <a:p>
            <a:pPr lvl="0"/>
            <a:r>
              <a:rPr lang="en-US"/>
              <a:t>Click to add subtitle</a:t>
            </a:r>
          </a:p>
        </p:txBody>
      </p:sp>
    </p:spTree>
    <p:extLst>
      <p:ext uri="{BB962C8B-B14F-4D97-AF65-F5344CB8AC3E}">
        <p14:creationId xmlns:p14="http://schemas.microsoft.com/office/powerpoint/2010/main" val="5805869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Header | Tex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0" y="572926"/>
            <a:ext cx="10409484" cy="365311"/>
          </a:xfrm>
          <a:prstGeom prst="rect">
            <a:avLst/>
          </a:prstGeom>
        </p:spPr>
        <p:txBody>
          <a:bodyPr/>
          <a:lstStyle>
            <a:lvl1pPr>
              <a:defRPr/>
            </a:lvl1pPr>
          </a:lstStyle>
          <a:p>
            <a:r>
              <a:rPr lang="en-US"/>
              <a:t>Click to add one-line title</a:t>
            </a:r>
          </a:p>
        </p:txBody>
      </p:sp>
      <p:sp>
        <p:nvSpPr>
          <p:cNvPr id="3" name="Content Placeholder 2"/>
          <p:cNvSpPr>
            <a:spLocks noGrp="1"/>
          </p:cNvSpPr>
          <p:nvPr>
            <p:ph idx="1" hasCustomPrompt="1"/>
          </p:nvPr>
        </p:nvSpPr>
        <p:spPr>
          <a:xfrm>
            <a:off x="762000" y="1515044"/>
            <a:ext cx="10668000" cy="4619055"/>
          </a:xfrm>
        </p:spPr>
        <p:txBody>
          <a:bodyPr/>
          <a:lstStyle>
            <a:lvl1pPr marL="6350" indent="0">
              <a:buNone/>
              <a:defRPr/>
            </a:lvl1pPr>
          </a:lstStyle>
          <a:p>
            <a:pPr lvl="0"/>
            <a:r>
              <a:rPr lang="en-US"/>
              <a:t>Click to edit – body text should be no smaller than 12 points and optimally 14 points or higher to increase readability. </a:t>
            </a:r>
          </a:p>
        </p:txBody>
      </p:sp>
      <p:sp>
        <p:nvSpPr>
          <p:cNvPr id="7" name="Slide Number Placeholder 6">
            <a:extLst>
              <a:ext uri="{FF2B5EF4-FFF2-40B4-BE49-F238E27FC236}">
                <a16:creationId xmlns:a16="http://schemas.microsoft.com/office/drawing/2014/main" id="{DE495E99-BACD-0346-8FEE-2FB7CD609F7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Tree>
    <p:extLst>
      <p:ext uri="{BB962C8B-B14F-4D97-AF65-F5344CB8AC3E}">
        <p14:creationId xmlns:p14="http://schemas.microsoft.com/office/powerpoint/2010/main" val="12879440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Header | Subhead | Tex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62001" y="581927"/>
            <a:ext cx="10409484" cy="365311"/>
          </a:xfrm>
          <a:prstGeom prst="rect">
            <a:avLst/>
          </a:prstGeom>
        </p:spPr>
        <p:txBody>
          <a:bodyPr/>
          <a:lstStyle>
            <a:lvl1pPr>
              <a:defRPr/>
            </a:lvl1pPr>
          </a:lstStyle>
          <a:p>
            <a:r>
              <a:rPr lang="en-US"/>
              <a:t>Click to add one-line title</a:t>
            </a:r>
          </a:p>
        </p:txBody>
      </p:sp>
      <p:sp>
        <p:nvSpPr>
          <p:cNvPr id="3" name="Content Placeholder 2"/>
          <p:cNvSpPr>
            <a:spLocks noGrp="1"/>
          </p:cNvSpPr>
          <p:nvPr>
            <p:ph idx="1" hasCustomPrompt="1"/>
          </p:nvPr>
        </p:nvSpPr>
        <p:spPr>
          <a:xfrm>
            <a:off x="762000" y="1512626"/>
            <a:ext cx="10668000" cy="4621474"/>
          </a:xfrm>
        </p:spPr>
        <p:txBody>
          <a:bodyPr/>
          <a:lstStyle>
            <a:lvl1pPr marL="6350" indent="0">
              <a:buNone/>
              <a:defRPr/>
            </a:lvl1pPr>
          </a:lstStyle>
          <a:p>
            <a:pPr lvl="0"/>
            <a:r>
              <a:rPr lang="en-US"/>
              <a:t>Click to edit – body text should be no smaller than 12 points and optimally 14 points or higher to increase readability. </a:t>
            </a:r>
          </a:p>
        </p:txBody>
      </p:sp>
      <p:sp>
        <p:nvSpPr>
          <p:cNvPr id="7" name="Slide Number Placeholder 6">
            <a:extLst>
              <a:ext uri="{FF2B5EF4-FFF2-40B4-BE49-F238E27FC236}">
                <a16:creationId xmlns:a16="http://schemas.microsoft.com/office/drawing/2014/main" id="{DE495E99-BACD-0346-8FEE-2FB7CD609F7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9" name="Text Placeholder 8">
            <a:extLst>
              <a:ext uri="{FF2B5EF4-FFF2-40B4-BE49-F238E27FC236}">
                <a16:creationId xmlns:a16="http://schemas.microsoft.com/office/drawing/2014/main" id="{E89DE8BD-D58F-7A46-9BD7-06EF85845ECC}"/>
              </a:ext>
            </a:extLst>
          </p:cNvPr>
          <p:cNvSpPr>
            <a:spLocks noGrp="1"/>
          </p:cNvSpPr>
          <p:nvPr>
            <p:ph type="body" sz="quarter" idx="11" hasCustomPrompt="1"/>
          </p:nvPr>
        </p:nvSpPr>
        <p:spPr>
          <a:xfrm>
            <a:off x="761999" y="920084"/>
            <a:ext cx="10409484" cy="459490"/>
          </a:xfrm>
        </p:spPr>
        <p:txBody>
          <a:bodyPr>
            <a:noAutofit/>
          </a:bodyPr>
          <a:lstStyle>
            <a:lvl1pPr marL="6350" indent="0">
              <a:buNone/>
              <a:defRPr sz="2000" b="0">
                <a:solidFill>
                  <a:schemeClr val="accent2"/>
                </a:solidFill>
              </a:defRPr>
            </a:lvl1pPr>
          </a:lstStyle>
          <a:p>
            <a:pPr lvl="0"/>
            <a:r>
              <a:rPr lang="en-US"/>
              <a:t>Click to add subtitle</a:t>
            </a:r>
          </a:p>
        </p:txBody>
      </p:sp>
    </p:spTree>
    <p:extLst>
      <p:ext uri="{BB962C8B-B14F-4D97-AF65-F5344CB8AC3E}">
        <p14:creationId xmlns:p14="http://schemas.microsoft.com/office/powerpoint/2010/main" val="37763400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1.jpeg"/><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26">
            <a:lum/>
          </a:blip>
          <a:srcRect/>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62001" y="591551"/>
            <a:ext cx="10409484" cy="950255"/>
          </a:xfrm>
          <a:prstGeom prst="rect">
            <a:avLst/>
          </a:prstGeom>
        </p:spPr>
        <p:txBody>
          <a:bodyPr vert="horz" lIns="0" tIns="0" rIns="0" bIns="0" rtlCol="0" anchor="t">
            <a:noAutofit/>
          </a:bodyPr>
          <a:lstStyle/>
          <a:p>
            <a:r>
              <a:rPr lang="en-US"/>
              <a:t>Click to edit Master title style</a:t>
            </a:r>
          </a:p>
        </p:txBody>
      </p:sp>
      <p:sp>
        <p:nvSpPr>
          <p:cNvPr id="3" name="Text Placeholder 2"/>
          <p:cNvSpPr>
            <a:spLocks noGrp="1"/>
          </p:cNvSpPr>
          <p:nvPr>
            <p:ph type="body" idx="1"/>
          </p:nvPr>
        </p:nvSpPr>
        <p:spPr>
          <a:xfrm>
            <a:off x="762000" y="1513531"/>
            <a:ext cx="10668000" cy="4620569"/>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p:cNvSpPr>
            <a:spLocks noGrp="1"/>
          </p:cNvSpPr>
          <p:nvPr>
            <p:ph type="sldNum" sz="quarter" idx="4"/>
          </p:nvPr>
        </p:nvSpPr>
        <p:spPr>
          <a:xfrm>
            <a:off x="5497125" y="6435257"/>
            <a:ext cx="1197751" cy="166035"/>
          </a:xfrm>
          <a:prstGeom prst="rect">
            <a:avLst/>
          </a:prstGeom>
        </p:spPr>
        <p:txBody>
          <a:bodyPr vert="horz" lIns="0" tIns="0" rIns="0" bIns="0" rtlCol="0" anchor="t"/>
          <a:lstStyle>
            <a:lvl1pPr algn="ctr">
              <a:defRPr sz="800">
                <a:solidFill>
                  <a:schemeClr val="tx1"/>
                </a:solidFill>
              </a:defRPr>
            </a:lvl1pPr>
          </a:lstStyle>
          <a:p>
            <a:pPr defTabSz="914400"/>
            <a:fld id="{EB4FF9C4-EEBF-D24D-8A4E-C0B9CCE3F975}" type="slidenum">
              <a:rPr lang="en-US" smtClean="0">
                <a:solidFill>
                  <a:srgbClr val="1F2322"/>
                </a:solidFill>
              </a:rPr>
              <a:pPr defTabSz="914400"/>
              <a:t>‹#›</a:t>
            </a:fld>
            <a:endParaRPr lang="en-US">
              <a:solidFill>
                <a:srgbClr val="1F2322"/>
              </a:solidFill>
            </a:endParaRPr>
          </a:p>
        </p:txBody>
      </p:sp>
      <p:sp>
        <p:nvSpPr>
          <p:cNvPr id="13" name="TextBox 12">
            <a:extLst>
              <a:ext uri="{FF2B5EF4-FFF2-40B4-BE49-F238E27FC236}">
                <a16:creationId xmlns:a16="http://schemas.microsoft.com/office/drawing/2014/main" id="{2B2D590B-4A4E-EE4C-94E4-981FB61CF9F7}"/>
              </a:ext>
            </a:extLst>
          </p:cNvPr>
          <p:cNvSpPr txBox="1"/>
          <p:nvPr userDrawn="1"/>
        </p:nvSpPr>
        <p:spPr>
          <a:xfrm>
            <a:off x="762001" y="6435257"/>
            <a:ext cx="3149600" cy="166035"/>
          </a:xfrm>
          <a:prstGeom prst="rect">
            <a:avLst/>
          </a:prstGeom>
          <a:noFill/>
        </p:spPr>
        <p:txBody>
          <a:bodyPr wrap="square" lIns="0" tIns="0" rIns="0" bIns="0" rtlCol="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1F2322"/>
                </a:solidFill>
                <a:effectLst/>
                <a:uLnTx/>
                <a:uFillTx/>
                <a:latin typeface="Calibri" panose="020F0502020204030204"/>
                <a:ea typeface="+mn-ea"/>
                <a:cs typeface="+mn-cs"/>
              </a:rPr>
              <a:t>Proprietary and confidential </a:t>
            </a:r>
          </a:p>
        </p:txBody>
      </p:sp>
      <p:sp>
        <p:nvSpPr>
          <p:cNvPr id="14" name="TextBox 13">
            <a:extLst>
              <a:ext uri="{FF2B5EF4-FFF2-40B4-BE49-F238E27FC236}">
                <a16:creationId xmlns:a16="http://schemas.microsoft.com/office/drawing/2014/main" id="{74BCA53A-D29C-E94B-8F9C-DAD772A4ABC0}"/>
              </a:ext>
            </a:extLst>
          </p:cNvPr>
          <p:cNvSpPr txBox="1"/>
          <p:nvPr userDrawn="1"/>
        </p:nvSpPr>
        <p:spPr>
          <a:xfrm>
            <a:off x="8239761" y="6435257"/>
            <a:ext cx="3190239" cy="166035"/>
          </a:xfrm>
          <a:prstGeom prst="rect">
            <a:avLst/>
          </a:prstGeom>
          <a:noFill/>
        </p:spPr>
        <p:txBody>
          <a:bodyPr wrap="square" lIns="0" tIns="0" rIns="0" bIns="0" rtlCol="0" anchor="t">
            <a:no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1F2322"/>
                </a:solidFill>
                <a:effectLst/>
                <a:uLnTx/>
                <a:uFillTx/>
                <a:latin typeface="Calibri" panose="020F0502020204030204"/>
                <a:ea typeface="+mn-ea"/>
                <a:cs typeface="+mn-cs"/>
              </a:rPr>
              <a:t>chathamfinancial.com </a:t>
            </a:r>
          </a:p>
        </p:txBody>
      </p:sp>
    </p:spTree>
    <p:extLst>
      <p:ext uri="{BB962C8B-B14F-4D97-AF65-F5344CB8AC3E}">
        <p14:creationId xmlns:p14="http://schemas.microsoft.com/office/powerpoint/2010/main" val="1218915267"/>
      </p:ext>
    </p:extLst>
  </p:cSld>
  <p:clrMap bg1="lt1" tx1="dk1" bg2="lt2" tx2="dk2" accent1="accent1" accent2="accent2" accent3="accent3" accent4="accent4" accent5="accent5" accent6="accent6" hlink="hlink" folHlink="folHlink"/>
  <p:sldLayoutIdLst>
    <p:sldLayoutId id="2147483754" r:id="rId1"/>
    <p:sldLayoutId id="2147483755" r:id="rId2"/>
    <p:sldLayoutId id="2147483756" r:id="rId3"/>
    <p:sldLayoutId id="2147483768" r:id="rId4"/>
    <p:sldLayoutId id="2147483784" r:id="rId5"/>
    <p:sldLayoutId id="2147483757" r:id="rId6"/>
    <p:sldLayoutId id="2147483758" r:id="rId7"/>
    <p:sldLayoutId id="2147483759" r:id="rId8"/>
    <p:sldLayoutId id="2147483760" r:id="rId9"/>
    <p:sldLayoutId id="2147483761" r:id="rId10"/>
    <p:sldLayoutId id="2147483762" r:id="rId11"/>
    <p:sldLayoutId id="2147483763" r:id="rId12"/>
    <p:sldLayoutId id="2147483764" r:id="rId13"/>
    <p:sldLayoutId id="2147483765" r:id="rId14"/>
    <p:sldLayoutId id="2147483766" r:id="rId15"/>
    <p:sldLayoutId id="2147483767" r:id="rId16"/>
    <p:sldLayoutId id="2147483771" r:id="rId17"/>
    <p:sldLayoutId id="2147483772" r:id="rId18"/>
    <p:sldLayoutId id="2147483773" r:id="rId19"/>
    <p:sldLayoutId id="2147483785" r:id="rId20"/>
    <p:sldLayoutId id="2147483788" r:id="rId21"/>
    <p:sldLayoutId id="2147483774" r:id="rId22"/>
    <p:sldLayoutId id="2147483787" r:id="rId23"/>
    <p:sldLayoutId id="2147483775" r:id="rId24"/>
  </p:sldLayoutIdLst>
  <p:hf hdr="0"/>
  <p:txStyles>
    <p:titleStyle>
      <a:lvl1pPr algn="l" defTabSz="914400" rtl="0" eaLnBrk="1" latinLnBrk="0" hangingPunct="1">
        <a:lnSpc>
          <a:spcPct val="90000"/>
        </a:lnSpc>
        <a:spcBef>
          <a:spcPct val="0"/>
        </a:spcBef>
        <a:buNone/>
        <a:defRPr sz="2400" b="0" kern="1200">
          <a:solidFill>
            <a:schemeClr val="tx2"/>
          </a:solidFill>
          <a:latin typeface="+mj-lt"/>
          <a:ea typeface="+mj-ea"/>
          <a:cs typeface="+mj-cs"/>
        </a:defRPr>
      </a:lvl1pPr>
    </p:titleStyle>
    <p:bodyStyle>
      <a:lvl1pPr marL="174625" indent="-168275" algn="l" defTabSz="914400" rtl="0" eaLnBrk="1" latinLnBrk="0" hangingPunct="1">
        <a:lnSpc>
          <a:spcPct val="110000"/>
        </a:lnSpc>
        <a:spcBef>
          <a:spcPts val="0"/>
        </a:spcBef>
        <a:spcAft>
          <a:spcPts val="400"/>
        </a:spcAft>
        <a:buFont typeface="Arial" panose="020B0604020202020204" pitchFamily="34" charset="0"/>
        <a:buChar char="•"/>
        <a:tabLst/>
        <a:defRPr sz="1400" kern="1200">
          <a:solidFill>
            <a:schemeClr val="tx1"/>
          </a:solidFill>
          <a:latin typeface="+mn-lt"/>
          <a:ea typeface="+mn-ea"/>
          <a:cs typeface="+mn-cs"/>
        </a:defRPr>
      </a:lvl1pPr>
      <a:lvl2pPr marL="344488" indent="-169863" algn="l" defTabSz="914400" rtl="0" eaLnBrk="1" latinLnBrk="0" hangingPunct="1">
        <a:lnSpc>
          <a:spcPct val="110000"/>
        </a:lnSpc>
        <a:spcBef>
          <a:spcPts val="0"/>
        </a:spcBef>
        <a:spcAft>
          <a:spcPts val="400"/>
        </a:spcAft>
        <a:buFont typeface="Courier New" panose="02070309020205020404" pitchFamily="49" charset="0"/>
        <a:buChar char="o"/>
        <a:tabLst/>
        <a:defRPr sz="1200" kern="1200">
          <a:solidFill>
            <a:schemeClr val="tx1"/>
          </a:solidFill>
          <a:latin typeface="+mn-lt"/>
          <a:ea typeface="+mn-ea"/>
          <a:cs typeface="+mn-cs"/>
        </a:defRPr>
      </a:lvl2pPr>
      <a:lvl3pPr marL="519113" indent="-174625" algn="l" defTabSz="914400" rtl="0" eaLnBrk="1" latinLnBrk="0" hangingPunct="1">
        <a:lnSpc>
          <a:spcPct val="110000"/>
        </a:lnSpc>
        <a:spcBef>
          <a:spcPts val="0"/>
        </a:spcBef>
        <a:spcAft>
          <a:spcPts val="400"/>
        </a:spcAft>
        <a:buFont typeface="Calibri" panose="020F0502020204030204" pitchFamily="34" charset="0"/>
        <a:buChar char="–"/>
        <a:tabLst/>
        <a:defRPr sz="1200" kern="1200">
          <a:solidFill>
            <a:schemeClr val="tx1"/>
          </a:solidFill>
          <a:latin typeface="+mn-lt"/>
          <a:ea typeface="+mn-ea"/>
          <a:cs typeface="+mn-cs"/>
        </a:defRPr>
      </a:lvl3pPr>
      <a:lvl4pPr marL="688975" indent="-169863"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4pPr>
      <a:lvl5pPr marL="858838" indent="-168275" algn="l" defTabSz="914400" rtl="0" eaLnBrk="1" latinLnBrk="0" hangingPunct="1">
        <a:lnSpc>
          <a:spcPct val="110000"/>
        </a:lnSpc>
        <a:spcBef>
          <a:spcPts val="0"/>
        </a:spcBef>
        <a:spcAft>
          <a:spcPts val="400"/>
        </a:spcAft>
        <a:buFont typeface="Courier New" panose="02070309020205020404" pitchFamily="49" charset="0"/>
        <a:buChar char="o"/>
        <a:tabLst/>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2880">
          <p15:clr>
            <a:srgbClr val="F26B43"/>
          </p15:clr>
        </p15:guide>
        <p15:guide id="4" pos="5400">
          <p15:clr>
            <a:srgbClr val="F26B43"/>
          </p15:clr>
        </p15:guide>
        <p15:guide id="13" pos="960">
          <p15:clr>
            <a:srgbClr val="F26B43"/>
          </p15:clr>
        </p15:guide>
        <p15:guide id="14" pos="1248">
          <p15:clr>
            <a:srgbClr val="F26B43"/>
          </p15:clr>
        </p15:guide>
        <p15:guide id="15" pos="2736">
          <p15:clr>
            <a:srgbClr val="F26B43"/>
          </p15:clr>
        </p15:guide>
        <p15:guide id="16" pos="3024">
          <p15:clr>
            <a:srgbClr val="F26B43"/>
          </p15:clr>
        </p15:guide>
        <p15:guide id="17" pos="1848">
          <p15:clr>
            <a:srgbClr val="F26B43"/>
          </p15:clr>
        </p15:guide>
        <p15:guide id="18" pos="2136">
          <p15:clr>
            <a:srgbClr val="F26B43"/>
          </p15:clr>
        </p15:guide>
        <p15:guide id="19" pos="3624">
          <p15:clr>
            <a:srgbClr val="F26B43"/>
          </p15:clr>
        </p15:guide>
        <p15:guide id="20" pos="3912">
          <p15:clr>
            <a:srgbClr val="F26B43"/>
          </p15:clr>
        </p15:guide>
        <p15:guide id="23" pos="4512">
          <p15:clr>
            <a:srgbClr val="F26B43"/>
          </p15:clr>
        </p15:guide>
        <p15:guide id="24" pos="4800">
          <p15:clr>
            <a:srgbClr val="F26B43"/>
          </p15:clr>
        </p15:guide>
        <p15:guide id="27" pos="480" userDrawn="1">
          <p15:clr>
            <a:srgbClr val="F26B43"/>
          </p15:clr>
        </p15:guide>
        <p15:guide id="28" orient="horz" pos="360" userDrawn="1">
          <p15:clr>
            <a:srgbClr val="F26B43"/>
          </p15:clr>
        </p15:guide>
        <p15:guide id="29" orient="horz" pos="984" userDrawn="1">
          <p15:clr>
            <a:srgbClr val="F26B43"/>
          </p15:clr>
        </p15:guide>
        <p15:guide id="30" orient="horz" pos="3816">
          <p15:clr>
            <a:srgbClr val="F26B43"/>
          </p15:clr>
        </p15:guide>
        <p15:guide id="31" orient="horz" pos="216">
          <p15:clr>
            <a:srgbClr val="F26B43"/>
          </p15:clr>
        </p15:guide>
        <p15:guide id="32" orient="horz" pos="4104">
          <p15:clr>
            <a:srgbClr val="F26B43"/>
          </p15:clr>
        </p15:guide>
        <p15:guide id="33" orient="horz" pos="696" userDrawn="1">
          <p15:clr>
            <a:srgbClr val="F26B43"/>
          </p15:clr>
        </p15:guide>
        <p15:guide id="34" orient="horz" pos="288" userDrawn="1">
          <p15:clr>
            <a:srgbClr val="F26B43"/>
          </p15:clr>
        </p15:guide>
        <p15:guide id="35" pos="7200" userDrawn="1">
          <p15:clr>
            <a:srgbClr val="F26B43"/>
          </p15:clr>
        </p15:guide>
        <p15:guide id="36" orient="horz" pos="3864"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customXml" Target="../../customXml/item28.xml"/><Relationship Id="rId1" Type="http://schemas.openxmlformats.org/officeDocument/2006/relationships/customXml" Target="../../customXml/item25.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22.xml"/><Relationship Id="rId1" Type="http://schemas.openxmlformats.org/officeDocument/2006/relationships/customXml" Target="../../customXml/item7.xml"/><Relationship Id="rId5" Type="http://schemas.openxmlformats.org/officeDocument/2006/relationships/image" Target="../media/image14.svg"/><Relationship Id="rId4" Type="http://schemas.openxmlformats.org/officeDocument/2006/relationships/image" Target="../media/image13.png"/></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customXml" Target="../../customXml/item24.xml"/><Relationship Id="rId1" Type="http://schemas.openxmlformats.org/officeDocument/2006/relationships/customXml" Target="../../customXml/item3.xml"/></Relationships>
</file>

<file path=ppt/slides/_rels/slide12.xml.rels><?xml version="1.0" encoding="UTF-8" standalone="yes"?>
<Relationships xmlns="http://schemas.openxmlformats.org/package/2006/relationships"><Relationship Id="rId3" Type="http://schemas.openxmlformats.org/officeDocument/2006/relationships/tags" Target="../tags/tag5.xml"/><Relationship Id="rId7" Type="http://schemas.openxmlformats.org/officeDocument/2006/relationships/image" Target="../media/image17.png"/><Relationship Id="rId2" Type="http://schemas.openxmlformats.org/officeDocument/2006/relationships/tags" Target="../tags/tag4.xml"/><Relationship Id="rId1" Type="http://schemas.openxmlformats.org/officeDocument/2006/relationships/tags" Target="../tags/tag3.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2" Type="http://schemas.openxmlformats.org/officeDocument/2006/relationships/chart" Target="../charts/chart5.xml"/><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3" Type="http://schemas.openxmlformats.org/officeDocument/2006/relationships/tags" Target="../tags/tag8.xml"/><Relationship Id="rId7" Type="http://schemas.openxmlformats.org/officeDocument/2006/relationships/image" Target="../media/image17.png"/><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2" Type="http://schemas.openxmlformats.org/officeDocument/2006/relationships/chart" Target="../charts/chart6.xml"/><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tags" Target="../tags/tag11.xml"/><Relationship Id="rId7" Type="http://schemas.openxmlformats.org/officeDocument/2006/relationships/image" Target="../media/image17.png"/><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2" Type="http://schemas.openxmlformats.org/officeDocument/2006/relationships/chart" Target="../charts/chart7.xml"/><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customXml" Target="../../customXml/item1.xml"/><Relationship Id="rId1" Type="http://schemas.openxmlformats.org/officeDocument/2006/relationships/customXml" Target="../../customXml/item19.xml"/></Relationships>
</file>

<file path=ppt/slides/_rels/slide19.xml.rels><?xml version="1.0" encoding="UTF-8" standalone="yes"?>
<Relationships xmlns="http://schemas.openxmlformats.org/package/2006/relationships"><Relationship Id="rId2" Type="http://schemas.openxmlformats.org/officeDocument/2006/relationships/chart" Target="../charts/chart8.xml"/><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image" Target="../media/image18.png"/></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customXml" Target="../../customXml/item11.xml"/><Relationship Id="rId1" Type="http://schemas.openxmlformats.org/officeDocument/2006/relationships/customXml" Target="../../customXml/item5.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tags" Target="../tags/tag15.xml"/><Relationship Id="rId1" Type="http://schemas.openxmlformats.org/officeDocument/2006/relationships/tags" Target="../tags/tag14.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notesSlide" Target="../notesSlides/notesSlide4.xml"/></Relationships>
</file>

<file path=ppt/slides/_rels/slide23.xml.rels><?xml version="1.0" encoding="UTF-8" standalone="yes"?>
<Relationships xmlns="http://schemas.openxmlformats.org/package/2006/relationships"><Relationship Id="rId3" Type="http://schemas.openxmlformats.org/officeDocument/2006/relationships/chart" Target="../charts/chart9.xml"/><Relationship Id="rId2" Type="http://schemas.openxmlformats.org/officeDocument/2006/relationships/slideLayout" Target="../slideLayouts/slideLayout10.xml"/><Relationship Id="rId1" Type="http://schemas.openxmlformats.org/officeDocument/2006/relationships/tags" Target="../tags/tag16.xml"/><Relationship Id="rId5" Type="http://schemas.openxmlformats.org/officeDocument/2006/relationships/image" Target="../media/image21.png"/><Relationship Id="rId4" Type="http://schemas.openxmlformats.org/officeDocument/2006/relationships/chart" Target="../charts/chart10.xml"/></Relationships>
</file>

<file path=ppt/slides/_rels/slide24.xml.rels><?xml version="1.0" encoding="UTF-8" standalone="yes"?>
<Relationships xmlns="http://schemas.openxmlformats.org/package/2006/relationships"><Relationship Id="rId3" Type="http://schemas.openxmlformats.org/officeDocument/2006/relationships/slideLayout" Target="../slideLayouts/slideLayout10.xml"/><Relationship Id="rId2" Type="http://schemas.openxmlformats.org/officeDocument/2006/relationships/tags" Target="../tags/tag18.xml"/><Relationship Id="rId1" Type="http://schemas.openxmlformats.org/officeDocument/2006/relationships/tags" Target="../tags/tag17.xm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chart" Target="../charts/chart11.xml"/></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customXml" Target="../../customXml/item9.xml"/><Relationship Id="rId1" Type="http://schemas.openxmlformats.org/officeDocument/2006/relationships/customXml" Target="../../customXml/item6.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7.xml.rels><?xml version="1.0" encoding="UTF-8" standalone="yes"?>
<Relationships xmlns="http://schemas.openxmlformats.org/package/2006/relationships"><Relationship Id="rId2" Type="http://schemas.openxmlformats.org/officeDocument/2006/relationships/chart" Target="../charts/chart12.xml"/><Relationship Id="rId1" Type="http://schemas.openxmlformats.org/officeDocument/2006/relationships/slideLayout" Target="../slideLayouts/slideLayout9.xml"/></Relationships>
</file>

<file path=ppt/slides/_rels/slide28.xml.rels><?xml version="1.0" encoding="UTF-8" standalone="yes"?>
<Relationships xmlns="http://schemas.openxmlformats.org/package/2006/relationships"><Relationship Id="rId2" Type="http://schemas.openxmlformats.org/officeDocument/2006/relationships/chart" Target="../charts/chart13.xml"/><Relationship Id="rId1" Type="http://schemas.openxmlformats.org/officeDocument/2006/relationships/slideLayout" Target="../slideLayouts/slideLayout9.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30.xml.rels><?xml version="1.0" encoding="UTF-8" standalone="yes"?>
<Relationships xmlns="http://schemas.openxmlformats.org/package/2006/relationships"><Relationship Id="rId3" Type="http://schemas.openxmlformats.org/officeDocument/2006/relationships/slideLayout" Target="../slideLayouts/slideLayout21.xml"/><Relationship Id="rId2" Type="http://schemas.openxmlformats.org/officeDocument/2006/relationships/customXml" Target="../../customXml/item13.xml"/><Relationship Id="rId1" Type="http://schemas.openxmlformats.org/officeDocument/2006/relationships/customXml" Target="../../customXml/item10.xml"/></Relationships>
</file>

<file path=ppt/slides/_rels/slide31.xml.rels><?xml version="1.0" encoding="UTF-8" standalone="yes"?>
<Relationships xmlns="http://schemas.openxmlformats.org/package/2006/relationships"><Relationship Id="rId3" Type="http://schemas.openxmlformats.org/officeDocument/2006/relationships/slideLayout" Target="../slideLayouts/slideLayout24.xml"/><Relationship Id="rId2" Type="http://schemas.openxmlformats.org/officeDocument/2006/relationships/customXml" Target="../../customXml/item14.xml"/><Relationship Id="rId1" Type="http://schemas.openxmlformats.org/officeDocument/2006/relationships/customXml" Target="../../customXml/item17.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5.tiff"/><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8" Type="http://schemas.openxmlformats.org/officeDocument/2006/relationships/image" Target="../media/image10.png"/><Relationship Id="rId3" Type="http://schemas.openxmlformats.org/officeDocument/2006/relationships/tags" Target="../tags/tag1.xml"/><Relationship Id="rId7" Type="http://schemas.openxmlformats.org/officeDocument/2006/relationships/image" Target="../media/image9.png"/><Relationship Id="rId2" Type="http://schemas.openxmlformats.org/officeDocument/2006/relationships/customXml" Target="../../customXml/item23.xml"/><Relationship Id="rId1" Type="http://schemas.openxmlformats.org/officeDocument/2006/relationships/customXml" Target="../../customXml/item20.xml"/><Relationship Id="rId6" Type="http://schemas.openxmlformats.org/officeDocument/2006/relationships/image" Target="../media/image8.png"/><Relationship Id="rId5" Type="http://schemas.openxmlformats.org/officeDocument/2006/relationships/notesSlide" Target="../notesSlides/notesSlide1.xml"/><Relationship Id="rId10" Type="http://schemas.openxmlformats.org/officeDocument/2006/relationships/image" Target="../media/image5.tiff"/><Relationship Id="rId4" Type="http://schemas.openxmlformats.org/officeDocument/2006/relationships/slideLayout" Target="../slideLayouts/slideLayout9.xml"/><Relationship Id="rId9" Type="http://schemas.openxmlformats.org/officeDocument/2006/relationships/image" Target="../media/image11.png"/></Relationships>
</file>

<file path=ppt/slides/_rels/slide6.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29.xml"/><Relationship Id="rId1" Type="http://schemas.openxmlformats.org/officeDocument/2006/relationships/customXml" Target="../../customXml/item12.xml"/><Relationship Id="rId6" Type="http://schemas.openxmlformats.org/officeDocument/2006/relationships/image" Target="../media/image12.png"/><Relationship Id="rId5" Type="http://schemas.openxmlformats.org/officeDocument/2006/relationships/notesSlide" Target="../notesSlides/notesSlide2.xml"/><Relationship Id="rId4"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customXml" Target="../../customXml/item26.xml"/><Relationship Id="rId1" Type="http://schemas.openxmlformats.org/officeDocument/2006/relationships/customXml" Target="../../customXml/item16.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7.xml"/><Relationship Id="rId7" Type="http://schemas.openxmlformats.org/officeDocument/2006/relationships/chart" Target="../charts/chart4.xml"/><Relationship Id="rId2" Type="http://schemas.openxmlformats.org/officeDocument/2006/relationships/customXml" Target="../../customXml/item8.xml"/><Relationship Id="rId1" Type="http://schemas.openxmlformats.org/officeDocument/2006/relationships/customXml" Target="../../customXml/item18.xml"/><Relationship Id="rId6" Type="http://schemas.openxmlformats.org/officeDocument/2006/relationships/chart" Target="../charts/chart3.xml"/><Relationship Id="rId5" Type="http://schemas.openxmlformats.org/officeDocument/2006/relationships/chart" Target="../charts/chart2.xml"/><Relationship Id="rId4" Type="http://schemas.openxmlformats.org/officeDocument/2006/relationships/chart" Target="../charts/char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B6ABD5-DF92-4B43-818D-A9B1A3275BC0}"/>
              </a:ext>
            </a:extLst>
          </p:cNvPr>
          <p:cNvSpPr>
            <a:spLocks noGrp="1"/>
          </p:cNvSpPr>
          <p:nvPr>
            <p:ph type="ctrTitle"/>
          </p:nvPr>
        </p:nvSpPr>
        <p:spPr/>
        <p:txBody>
          <a:bodyPr/>
          <a:lstStyle/>
          <a:p>
            <a:r>
              <a:rPr lang="en-US"/>
              <a:t>Inflation, rate hikes, volatility: Managing interest rate risk in 2022</a:t>
            </a:r>
          </a:p>
        </p:txBody>
      </p:sp>
      <p:sp>
        <p:nvSpPr>
          <p:cNvPr id="3" name="Subtitle 2">
            <a:extLst>
              <a:ext uri="{FF2B5EF4-FFF2-40B4-BE49-F238E27FC236}">
                <a16:creationId xmlns:a16="http://schemas.microsoft.com/office/drawing/2014/main" id="{977F4103-2909-49A2-86A6-EC12D89CE15C}"/>
              </a:ext>
            </a:extLst>
          </p:cNvPr>
          <p:cNvSpPr>
            <a:spLocks noGrp="1"/>
          </p:cNvSpPr>
          <p:nvPr>
            <p:ph type="subTitle" idx="1"/>
          </p:nvPr>
        </p:nvSpPr>
        <p:spPr/>
        <p:txBody>
          <a:bodyPr/>
          <a:lstStyle/>
          <a:p>
            <a:endParaRPr lang="en-US"/>
          </a:p>
        </p:txBody>
      </p:sp>
      <p:sp>
        <p:nvSpPr>
          <p:cNvPr id="4" name="Text Placeholder 3">
            <a:extLst>
              <a:ext uri="{FF2B5EF4-FFF2-40B4-BE49-F238E27FC236}">
                <a16:creationId xmlns:a16="http://schemas.microsoft.com/office/drawing/2014/main" id="{192392FE-F7B1-4971-8967-9C742AAF4403}"/>
              </a:ext>
            </a:extLst>
          </p:cNvPr>
          <p:cNvSpPr>
            <a:spLocks noGrp="1"/>
          </p:cNvSpPr>
          <p:nvPr>
            <p:ph type="body" sz="quarter" idx="10"/>
          </p:nvPr>
        </p:nvSpPr>
        <p:spPr/>
        <p:txBody>
          <a:bodyPr/>
          <a:lstStyle/>
          <a:p>
            <a:r>
              <a:rPr lang="en-US"/>
              <a:t>May 2022</a:t>
            </a:r>
          </a:p>
        </p:txBody>
      </p:sp>
    </p:spTree>
    <p:custDataLst>
      <p:custData r:id="rId1"/>
      <p:custData r:id="rId2"/>
    </p:custDataLst>
    <p:extLst>
      <p:ext uri="{BB962C8B-B14F-4D97-AF65-F5344CB8AC3E}">
        <p14:creationId xmlns:p14="http://schemas.microsoft.com/office/powerpoint/2010/main" val="237210903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A86C82-4B44-4651-8E5A-88AEE5549BFA}"/>
              </a:ext>
            </a:extLst>
          </p:cNvPr>
          <p:cNvSpPr>
            <a:spLocks noGrp="1"/>
          </p:cNvSpPr>
          <p:nvPr>
            <p:ph type="title"/>
          </p:nvPr>
        </p:nvSpPr>
        <p:spPr/>
        <p:txBody>
          <a:bodyPr/>
          <a:lstStyle/>
          <a:p>
            <a:r>
              <a:rPr lang="en-US"/>
              <a:t>Market update: Interest rates</a:t>
            </a:r>
          </a:p>
        </p:txBody>
      </p:sp>
      <p:sp>
        <p:nvSpPr>
          <p:cNvPr id="3" name="Content Placeholder 2">
            <a:extLst>
              <a:ext uri="{FF2B5EF4-FFF2-40B4-BE49-F238E27FC236}">
                <a16:creationId xmlns:a16="http://schemas.microsoft.com/office/drawing/2014/main" id="{739C51B7-E93D-4432-9034-822B63EABAB5}"/>
              </a:ext>
            </a:extLst>
          </p:cNvPr>
          <p:cNvSpPr>
            <a:spLocks noGrp="1"/>
          </p:cNvSpPr>
          <p:nvPr>
            <p:ph idx="1"/>
          </p:nvPr>
        </p:nvSpPr>
        <p:spPr/>
        <p:txBody>
          <a:bodyPr>
            <a:normAutofit/>
          </a:bodyPr>
          <a:lstStyle/>
          <a:p>
            <a:endParaRPr lang="en-US"/>
          </a:p>
          <a:p>
            <a:endParaRPr lang="en-US"/>
          </a:p>
        </p:txBody>
      </p:sp>
      <p:sp>
        <p:nvSpPr>
          <p:cNvPr id="4" name="Slide Number Placeholder 3">
            <a:extLst>
              <a:ext uri="{FF2B5EF4-FFF2-40B4-BE49-F238E27FC236}">
                <a16:creationId xmlns:a16="http://schemas.microsoft.com/office/drawing/2014/main" id="{05E57DB0-8194-40AC-A2B0-56728AF6F4C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10</a:t>
            </a:fld>
            <a:endParaRPr lang="en-US">
              <a:solidFill>
                <a:srgbClr val="1F2322"/>
              </a:solidFill>
            </a:endParaRPr>
          </a:p>
        </p:txBody>
      </p:sp>
      <p:sp>
        <p:nvSpPr>
          <p:cNvPr id="5" name="Text Placeholder 4">
            <a:extLst>
              <a:ext uri="{FF2B5EF4-FFF2-40B4-BE49-F238E27FC236}">
                <a16:creationId xmlns:a16="http://schemas.microsoft.com/office/drawing/2014/main" id="{989562AA-C97B-4546-AFCC-CCD01884B60F}"/>
              </a:ext>
            </a:extLst>
          </p:cNvPr>
          <p:cNvSpPr>
            <a:spLocks noGrp="1"/>
          </p:cNvSpPr>
          <p:nvPr>
            <p:ph type="body" sz="quarter" idx="11"/>
          </p:nvPr>
        </p:nvSpPr>
        <p:spPr/>
        <p:txBody>
          <a:bodyPr/>
          <a:lstStyle/>
          <a:p>
            <a:endParaRPr lang="en-US"/>
          </a:p>
        </p:txBody>
      </p:sp>
      <p:pic>
        <p:nvPicPr>
          <p:cNvPr id="9" name="Graphic 8">
            <a:extLst>
              <a:ext uri="{FF2B5EF4-FFF2-40B4-BE49-F238E27FC236}">
                <a16:creationId xmlns:a16="http://schemas.microsoft.com/office/drawing/2014/main" id="{8F750A37-CA59-4634-A0BF-3C3BE319FDC1}"/>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626076" y="1369147"/>
            <a:ext cx="10545408" cy="4764952"/>
          </a:xfrm>
          <a:prstGeom prst="rect">
            <a:avLst/>
          </a:prstGeom>
        </p:spPr>
      </p:pic>
      <p:sp>
        <p:nvSpPr>
          <p:cNvPr id="7" name="Content Placeholder 7">
            <a:extLst>
              <a:ext uri="{FF2B5EF4-FFF2-40B4-BE49-F238E27FC236}">
                <a16:creationId xmlns:a16="http://schemas.microsoft.com/office/drawing/2014/main" id="{8A220C10-DADA-4110-AD32-5A753EF8CED3}"/>
              </a:ext>
            </a:extLst>
          </p:cNvPr>
          <p:cNvSpPr txBox="1">
            <a:spLocks/>
          </p:cNvSpPr>
          <p:nvPr/>
        </p:nvSpPr>
        <p:spPr>
          <a:xfrm>
            <a:off x="3010009" y="6273024"/>
            <a:ext cx="8402227" cy="127591"/>
          </a:xfrm>
          <a:prstGeom prst="rect">
            <a:avLst/>
          </a:prstGeom>
        </p:spPr>
        <p:txBody>
          <a:bodyPr vert="horz" lIns="0" tIns="0" rIns="0" bIns="0" rtlCol="0">
            <a:noAutofit/>
          </a:bodyPr>
          <a:lstStyle>
            <a:lvl1pPr marL="6879" indent="0" algn="l" defTabSz="990564" rtl="0" eaLnBrk="1" latinLnBrk="0" hangingPunct="1">
              <a:lnSpc>
                <a:spcPct val="110000"/>
              </a:lnSpc>
              <a:spcBef>
                <a:spcPts val="0"/>
              </a:spcBef>
              <a:spcAft>
                <a:spcPts val="433"/>
              </a:spcAft>
              <a:buFont typeface="Arial" panose="020B0604020202020204" pitchFamily="34" charset="0"/>
              <a:buNone/>
              <a:tabLst/>
              <a:defRPr sz="1517" kern="1200">
                <a:solidFill>
                  <a:schemeClr val="tx1"/>
                </a:solidFill>
                <a:latin typeface="+mn-lt"/>
                <a:ea typeface="+mn-ea"/>
                <a:cs typeface="+mn-cs"/>
              </a:defRPr>
            </a:lvl1pPr>
            <a:lvl2pPr marL="373182" indent="-184012" algn="l" defTabSz="990564" rtl="0" eaLnBrk="1" latinLnBrk="0" hangingPunct="1">
              <a:lnSpc>
                <a:spcPct val="110000"/>
              </a:lnSpc>
              <a:spcBef>
                <a:spcPts val="0"/>
              </a:spcBef>
              <a:spcAft>
                <a:spcPts val="433"/>
              </a:spcAft>
              <a:buFont typeface="Courier New" panose="02070309020205020404" pitchFamily="49" charset="0"/>
              <a:buChar char="o"/>
              <a:tabLst/>
              <a:defRPr sz="1300" kern="1200">
                <a:solidFill>
                  <a:schemeClr val="tx1"/>
                </a:solidFill>
                <a:latin typeface="+mn-lt"/>
                <a:ea typeface="+mn-ea"/>
                <a:cs typeface="+mn-cs"/>
              </a:defRPr>
            </a:lvl2pPr>
            <a:lvl3pPr marL="562352" indent="-189170" algn="l" defTabSz="990564" rtl="0" eaLnBrk="1" latinLnBrk="0" hangingPunct="1">
              <a:lnSpc>
                <a:spcPct val="110000"/>
              </a:lnSpc>
              <a:spcBef>
                <a:spcPts val="0"/>
              </a:spcBef>
              <a:spcAft>
                <a:spcPts val="433"/>
              </a:spcAft>
              <a:buFont typeface="Calibri" panose="020F0502020204030204" pitchFamily="34" charset="0"/>
              <a:buChar char="–"/>
              <a:tabLst/>
              <a:defRPr sz="1300" kern="1200">
                <a:solidFill>
                  <a:schemeClr val="tx1"/>
                </a:solidFill>
                <a:latin typeface="+mn-lt"/>
                <a:ea typeface="+mn-ea"/>
                <a:cs typeface="+mn-cs"/>
              </a:defRPr>
            </a:lvl3pPr>
            <a:lvl4pPr marL="746362" indent="-184012" algn="l" defTabSz="990564" rtl="0" eaLnBrk="1" latinLnBrk="0" hangingPunct="1">
              <a:lnSpc>
                <a:spcPct val="110000"/>
              </a:lnSpc>
              <a:spcBef>
                <a:spcPts val="0"/>
              </a:spcBef>
              <a:spcAft>
                <a:spcPts val="433"/>
              </a:spcAft>
              <a:buFont typeface="Arial" panose="020B0604020202020204" pitchFamily="34" charset="0"/>
              <a:buChar char="•"/>
              <a:tabLst/>
              <a:defRPr sz="1083" kern="1200">
                <a:solidFill>
                  <a:schemeClr val="tx1"/>
                </a:solidFill>
                <a:latin typeface="+mn-lt"/>
                <a:ea typeface="+mn-ea"/>
                <a:cs typeface="+mn-cs"/>
              </a:defRPr>
            </a:lvl4pPr>
            <a:lvl5pPr marL="930374" indent="-182291" algn="l" defTabSz="990564" rtl="0" eaLnBrk="1" latinLnBrk="0" hangingPunct="1">
              <a:lnSpc>
                <a:spcPct val="110000"/>
              </a:lnSpc>
              <a:spcBef>
                <a:spcPts val="0"/>
              </a:spcBef>
              <a:spcAft>
                <a:spcPts val="433"/>
              </a:spcAft>
              <a:buFont typeface="Courier New" panose="02070309020205020404" pitchFamily="49" charset="0"/>
              <a:buChar char="o"/>
              <a:tabLst/>
              <a:defRPr sz="1083" kern="1200">
                <a:solidFill>
                  <a:schemeClr val="tx1"/>
                </a:solidFill>
                <a:latin typeface="+mn-lt"/>
                <a:ea typeface="+mn-ea"/>
                <a:cs typeface="+mn-cs"/>
              </a:defRPr>
            </a:lvl5pPr>
            <a:lvl6pPr marL="2724050"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6pPr>
            <a:lvl7pPr marL="3219333"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7pPr>
            <a:lvl8pPr marL="3714614"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8pPr>
            <a:lvl9pPr marL="4209896"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9pPr>
          </a:lstStyle>
          <a:p>
            <a:pPr algn="r"/>
            <a:r>
              <a:rPr lang="en-US" sz="900" i="1"/>
              <a:t>Rates data as of May 2, 2022</a:t>
            </a:r>
          </a:p>
          <a:p>
            <a:pPr algn="r"/>
            <a:endParaRPr lang="en-US" sz="900" b="1" i="1">
              <a:solidFill>
                <a:schemeClr val="accent2"/>
              </a:solidFill>
            </a:endParaRPr>
          </a:p>
        </p:txBody>
      </p:sp>
    </p:spTree>
    <p:custDataLst>
      <p:custData r:id="rId1"/>
      <p:custData r:id="rId2"/>
    </p:custDataLst>
    <p:extLst>
      <p:ext uri="{BB962C8B-B14F-4D97-AF65-F5344CB8AC3E}">
        <p14:creationId xmlns:p14="http://schemas.microsoft.com/office/powerpoint/2010/main" val="154168421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90044EF2-3229-45B2-8020-454B0713A3DE}"/>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11</a:t>
            </a:fld>
            <a:endParaRPr lang="en-US">
              <a:solidFill>
                <a:srgbClr val="1F2322"/>
              </a:solidFill>
            </a:endParaRPr>
          </a:p>
        </p:txBody>
      </p:sp>
      <p:sp>
        <p:nvSpPr>
          <p:cNvPr id="3" name="Text Placeholder 2">
            <a:extLst>
              <a:ext uri="{FF2B5EF4-FFF2-40B4-BE49-F238E27FC236}">
                <a16:creationId xmlns:a16="http://schemas.microsoft.com/office/drawing/2014/main" id="{C205619C-2BB7-41F8-BD36-4FEB8B88295F}"/>
              </a:ext>
            </a:extLst>
          </p:cNvPr>
          <p:cNvSpPr>
            <a:spLocks noGrp="1"/>
          </p:cNvSpPr>
          <p:nvPr>
            <p:ph type="body" sz="quarter" idx="11"/>
          </p:nvPr>
        </p:nvSpPr>
        <p:spPr/>
        <p:txBody>
          <a:bodyPr/>
          <a:lstStyle/>
          <a:p>
            <a:r>
              <a:rPr lang="en-US"/>
              <a:t>Interest rate hedging strategies</a:t>
            </a:r>
          </a:p>
        </p:txBody>
      </p:sp>
    </p:spTree>
    <p:custDataLst>
      <p:custData r:id="rId1"/>
      <p:custData r:id="rId2"/>
    </p:custDataLst>
    <p:extLst>
      <p:ext uri="{BB962C8B-B14F-4D97-AF65-F5344CB8AC3E}">
        <p14:creationId xmlns:p14="http://schemas.microsoft.com/office/powerpoint/2010/main" val="41437088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 name="Rechteck 29">
            <a:extLst>
              <a:ext uri="{FF2B5EF4-FFF2-40B4-BE49-F238E27FC236}">
                <a16:creationId xmlns:a16="http://schemas.microsoft.com/office/drawing/2014/main" id="{C4D1A116-B255-43B0-9B0E-353AD99F7255}"/>
              </a:ext>
            </a:extLst>
          </p:cNvPr>
          <p:cNvSpPr>
            <a:spLocks noChangeArrowheads="1"/>
          </p:cNvSpPr>
          <p:nvPr/>
        </p:nvSpPr>
        <p:spPr bwMode="gray">
          <a:xfrm>
            <a:off x="1691100" y="3850746"/>
            <a:ext cx="1272591" cy="1076688"/>
          </a:xfrm>
          <a:prstGeom prst="rect">
            <a:avLst/>
          </a:prstGeom>
          <a:solidFill>
            <a:schemeClr val="bg2"/>
          </a:solidFill>
          <a:ln w="95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tIns="91440" rtlCol="0" anchor="t"/>
          <a:lstStyle/>
          <a:p>
            <a:pPr algn="ctr" defTabSz="457200">
              <a:defRPr/>
            </a:pPr>
            <a:r>
              <a:rPr kumimoji="0" lang="en-US" sz="1200" b="0" i="0" u="none" strike="noStrike" kern="1200" cap="none" spc="0" normalizeH="0" baseline="0" noProof="0">
                <a:ln>
                  <a:noFill/>
                </a:ln>
                <a:solidFill>
                  <a:srgbClr val="242424"/>
                </a:solidFill>
                <a:effectLst/>
                <a:uLnTx/>
                <a:uFillTx/>
                <a:latin typeface="Calibri" panose="020F0502020204030204"/>
                <a:ea typeface="+mn-ea"/>
                <a:cs typeface="+mn-cs"/>
              </a:rPr>
              <a:t>Hedge provider</a:t>
            </a:r>
          </a:p>
        </p:txBody>
      </p:sp>
      <p:sp>
        <p:nvSpPr>
          <p:cNvPr id="2" name="Title 1">
            <a:extLst>
              <a:ext uri="{FF2B5EF4-FFF2-40B4-BE49-F238E27FC236}">
                <a16:creationId xmlns:a16="http://schemas.microsoft.com/office/drawing/2014/main" id="{9C813C75-DD40-4CEA-AC74-50B70E49AAA7}"/>
              </a:ext>
            </a:extLst>
          </p:cNvPr>
          <p:cNvSpPr>
            <a:spLocks noGrp="1"/>
          </p:cNvSpPr>
          <p:nvPr>
            <p:ph type="title"/>
          </p:nvPr>
        </p:nvSpPr>
        <p:spPr/>
        <p:txBody>
          <a:bodyPr/>
          <a:lstStyle/>
          <a:p>
            <a:r>
              <a:rPr lang="en-US"/>
              <a:t>Interest rate swaps</a:t>
            </a:r>
          </a:p>
        </p:txBody>
      </p:sp>
      <p:sp>
        <p:nvSpPr>
          <p:cNvPr id="4" name="Slide Number Placeholder 3">
            <a:extLst>
              <a:ext uri="{FF2B5EF4-FFF2-40B4-BE49-F238E27FC236}">
                <a16:creationId xmlns:a16="http://schemas.microsoft.com/office/drawing/2014/main" id="{6F562347-7A90-4138-A5ED-05CCB2D410D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12</a:t>
            </a:fld>
            <a:endParaRPr lang="en-US">
              <a:solidFill>
                <a:srgbClr val="1F2322"/>
              </a:solidFill>
            </a:endParaRPr>
          </a:p>
        </p:txBody>
      </p:sp>
      <p:sp>
        <p:nvSpPr>
          <p:cNvPr id="5" name="Text Placeholder 4">
            <a:extLst>
              <a:ext uri="{FF2B5EF4-FFF2-40B4-BE49-F238E27FC236}">
                <a16:creationId xmlns:a16="http://schemas.microsoft.com/office/drawing/2014/main" id="{E65D862A-FF32-42A7-8A30-73A76BDE1A1E}"/>
              </a:ext>
            </a:extLst>
          </p:cNvPr>
          <p:cNvSpPr>
            <a:spLocks noGrp="1"/>
          </p:cNvSpPr>
          <p:nvPr>
            <p:ph type="body" sz="quarter" idx="11"/>
          </p:nvPr>
        </p:nvSpPr>
        <p:spPr/>
        <p:txBody>
          <a:bodyPr/>
          <a:lstStyle/>
          <a:p>
            <a:r>
              <a:rPr lang="en-US"/>
              <a:t>Lock in at-market prices to eliminate upside and downside</a:t>
            </a:r>
          </a:p>
        </p:txBody>
      </p:sp>
      <p:grpSp>
        <p:nvGrpSpPr>
          <p:cNvPr id="17" name="Group 16">
            <a:extLst>
              <a:ext uri="{FF2B5EF4-FFF2-40B4-BE49-F238E27FC236}">
                <a16:creationId xmlns:a16="http://schemas.microsoft.com/office/drawing/2014/main" id="{93260CC0-420A-4AF3-94CF-1A1C4BCF9CDE}"/>
              </a:ext>
            </a:extLst>
          </p:cNvPr>
          <p:cNvGrpSpPr/>
          <p:nvPr/>
        </p:nvGrpSpPr>
        <p:grpSpPr>
          <a:xfrm>
            <a:off x="3705833" y="5127442"/>
            <a:ext cx="4825754" cy="261447"/>
            <a:chOff x="1616129" y="2967447"/>
            <a:chExt cx="3150320" cy="261447"/>
          </a:xfrm>
        </p:grpSpPr>
        <p:sp>
          <p:nvSpPr>
            <p:cNvPr id="22" name="TextBox 21">
              <a:extLst>
                <a:ext uri="{FF2B5EF4-FFF2-40B4-BE49-F238E27FC236}">
                  <a16:creationId xmlns:a16="http://schemas.microsoft.com/office/drawing/2014/main" id="{DFC2CA22-258A-45CD-9A7C-B64690BCE6D2}"/>
                </a:ext>
              </a:extLst>
            </p:cNvPr>
            <p:cNvSpPr txBox="1"/>
            <p:nvPr/>
          </p:nvSpPr>
          <p:spPr>
            <a:xfrm>
              <a:off x="1616129" y="2967447"/>
              <a:ext cx="603420" cy="256368"/>
            </a:xfrm>
            <a:prstGeom prst="rect">
              <a:avLst/>
            </a:prstGeom>
            <a:noFill/>
          </p:spPr>
          <p:txBody>
            <a:bodyPr wrap="square" lIns="0" tIns="0" rIns="0" bIns="0" rtlCol="0" anchor="ctr">
              <a:noAutofit/>
            </a:bodyPr>
            <a:lstStyle/>
            <a:p>
              <a:pPr algn="ctr"/>
              <a:r>
                <a:rPr lang="en-US" sz="1400" b="1">
                  <a:solidFill>
                    <a:srgbClr val="002060"/>
                  </a:solidFill>
                </a:rPr>
                <a:t>Swap</a:t>
              </a:r>
            </a:p>
          </p:txBody>
        </p:sp>
        <p:sp>
          <p:nvSpPr>
            <p:cNvPr id="23" name="TextBox 22">
              <a:extLst>
                <a:ext uri="{FF2B5EF4-FFF2-40B4-BE49-F238E27FC236}">
                  <a16:creationId xmlns:a16="http://schemas.microsoft.com/office/drawing/2014/main" id="{9C8E7966-9544-4D49-98B5-85BEF569BB10}"/>
                </a:ext>
              </a:extLst>
            </p:cNvPr>
            <p:cNvSpPr txBox="1"/>
            <p:nvPr/>
          </p:nvSpPr>
          <p:spPr>
            <a:xfrm>
              <a:off x="4163029" y="2972526"/>
              <a:ext cx="603420" cy="256368"/>
            </a:xfrm>
            <a:prstGeom prst="rect">
              <a:avLst/>
            </a:prstGeom>
            <a:noFill/>
          </p:spPr>
          <p:txBody>
            <a:bodyPr wrap="square" lIns="0" tIns="0" rIns="0" bIns="0" rtlCol="0" anchor="ctr">
              <a:noAutofit/>
            </a:bodyPr>
            <a:lstStyle/>
            <a:p>
              <a:pPr algn="ctr"/>
              <a:r>
                <a:rPr lang="en-US" sz="1400" b="1">
                  <a:solidFill>
                    <a:srgbClr val="002060"/>
                  </a:solidFill>
                </a:rPr>
                <a:t>Loan</a:t>
              </a:r>
            </a:p>
          </p:txBody>
        </p:sp>
      </p:grpSp>
      <p:sp>
        <p:nvSpPr>
          <p:cNvPr id="29" name="Right Brace 28">
            <a:extLst>
              <a:ext uri="{FF2B5EF4-FFF2-40B4-BE49-F238E27FC236}">
                <a16:creationId xmlns:a16="http://schemas.microsoft.com/office/drawing/2014/main" id="{BE76FC6A-FCC4-4B88-8EFB-6C26EA1EF450}"/>
              </a:ext>
            </a:extLst>
          </p:cNvPr>
          <p:cNvSpPr/>
          <p:nvPr/>
        </p:nvSpPr>
        <p:spPr>
          <a:xfrm rot="5400000">
            <a:off x="4056620" y="4149645"/>
            <a:ext cx="188184" cy="1677178"/>
          </a:xfrm>
          <a:prstGeom prst="rightBrace">
            <a:avLst/>
          </a:prstGeom>
          <a:ln w="15875">
            <a:solidFill>
              <a:schemeClr val="accent5"/>
            </a:solidFill>
            <a:prstDash val="sysDash"/>
            <a:tailEnd type="none" w="med" len="sm"/>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0" name="Right Brace 29">
            <a:extLst>
              <a:ext uri="{FF2B5EF4-FFF2-40B4-BE49-F238E27FC236}">
                <a16:creationId xmlns:a16="http://schemas.microsoft.com/office/drawing/2014/main" id="{23F868DC-D473-4F03-A4E9-D313246940A2}"/>
              </a:ext>
            </a:extLst>
          </p:cNvPr>
          <p:cNvSpPr/>
          <p:nvPr/>
        </p:nvSpPr>
        <p:spPr>
          <a:xfrm rot="5400000">
            <a:off x="7927940" y="3808890"/>
            <a:ext cx="165062" cy="2333416"/>
          </a:xfrm>
          <a:prstGeom prst="rightBrace">
            <a:avLst/>
          </a:prstGeom>
          <a:ln w="15875">
            <a:solidFill>
              <a:schemeClr val="accent5"/>
            </a:solidFill>
            <a:prstDash val="sysDash"/>
            <a:tailEnd type="none" w="med" len="sm"/>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1" name="TextBox 30">
            <a:extLst>
              <a:ext uri="{FF2B5EF4-FFF2-40B4-BE49-F238E27FC236}">
                <a16:creationId xmlns:a16="http://schemas.microsoft.com/office/drawing/2014/main" id="{C5C9E7C1-B07F-4063-A096-ACBB2D25310A}"/>
              </a:ext>
            </a:extLst>
          </p:cNvPr>
          <p:cNvSpPr txBox="1"/>
          <p:nvPr/>
        </p:nvSpPr>
        <p:spPr>
          <a:xfrm>
            <a:off x="762000" y="2087627"/>
            <a:ext cx="3087189" cy="978902"/>
          </a:xfrm>
          <a:prstGeom prst="rect">
            <a:avLst/>
          </a:prstGeom>
          <a:noFill/>
          <a:ln>
            <a:solidFill>
              <a:schemeClr val="accent1"/>
            </a:solidFill>
          </a:ln>
        </p:spPr>
        <p:txBody>
          <a:bodyPr wrap="square" lIns="0" tIns="0" rIns="0" bIns="0" rtlCol="0">
            <a:noAutofit/>
          </a:bodyPr>
          <a:lstStyle/>
          <a:p>
            <a:pPr marL="388620" lvl="0" indent="-285750" defTabSz="914400">
              <a:spcAft>
                <a:spcPts val="300"/>
              </a:spcAft>
              <a:buFont typeface="Arial" panose="020B0604020202020204" pitchFamily="34" charset="0"/>
              <a:buChar char="•"/>
              <a:tabLst>
                <a:tab pos="114300" algn="l"/>
              </a:tabLst>
              <a:defRPr/>
            </a:pPr>
            <a:endParaRPr lang="en-US" sz="300">
              <a:solidFill>
                <a:srgbClr val="000000"/>
              </a:solidFill>
              <a:ea typeface="Verdana" panose="020B0604030504040204" pitchFamily="34" charset="0"/>
            </a:endParaRPr>
          </a:p>
          <a:p>
            <a:pPr marL="388620" lvl="0" indent="-285750" defTabSz="914400">
              <a:spcAft>
                <a:spcPts val="300"/>
              </a:spcAft>
              <a:buFont typeface="Arial" panose="020B0604020202020204" pitchFamily="34" charset="0"/>
              <a:buChar char="•"/>
              <a:tabLst>
                <a:tab pos="114300" algn="l"/>
              </a:tabLst>
              <a:defRPr/>
            </a:pPr>
            <a:r>
              <a:rPr lang="en-US" sz="1400">
                <a:solidFill>
                  <a:srgbClr val="000000"/>
                </a:solidFill>
                <a:ea typeface="Verdana" panose="020B0604030504040204" pitchFamily="34" charset="0"/>
              </a:rPr>
              <a:t>Effectively makes a floating rate loan into a fixed rate loan.</a:t>
            </a:r>
          </a:p>
        </p:txBody>
      </p:sp>
      <p:sp>
        <p:nvSpPr>
          <p:cNvPr id="33" name="Rectangle 32">
            <a:extLst>
              <a:ext uri="{FF2B5EF4-FFF2-40B4-BE49-F238E27FC236}">
                <a16:creationId xmlns:a16="http://schemas.microsoft.com/office/drawing/2014/main" id="{E665EE88-3088-444C-94DE-E46249676CF6}"/>
              </a:ext>
            </a:extLst>
          </p:cNvPr>
          <p:cNvSpPr/>
          <p:nvPr/>
        </p:nvSpPr>
        <p:spPr>
          <a:xfrm>
            <a:off x="762000" y="1752804"/>
            <a:ext cx="3087189" cy="342210"/>
          </a:xfrm>
          <a:prstGeom prst="rect">
            <a:avLst/>
          </a:prstGeom>
          <a:solidFill>
            <a:schemeClr val="accent1"/>
          </a:solidFill>
          <a:ln>
            <a:solidFill>
              <a:schemeClr val="tx2"/>
            </a:solidFill>
          </a:ln>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solidFill>
                  <a:schemeClr val="bg1"/>
                </a:solidFill>
                <a:effectLst/>
                <a:uLnTx/>
                <a:uFillTx/>
                <a:latin typeface="Calibri" panose="020F0502020204030204"/>
                <a:ea typeface="Verdana" panose="020B0604030504040204" pitchFamily="34" charset="0"/>
                <a:cs typeface="+mn-cs"/>
              </a:rPr>
              <a:t>Purpose</a:t>
            </a:r>
          </a:p>
        </p:txBody>
      </p:sp>
      <p:sp>
        <p:nvSpPr>
          <p:cNvPr id="35" name="TextBox 34">
            <a:extLst>
              <a:ext uri="{FF2B5EF4-FFF2-40B4-BE49-F238E27FC236}">
                <a16:creationId xmlns:a16="http://schemas.microsoft.com/office/drawing/2014/main" id="{7B607A24-B929-408A-9E01-A3FABE594087}"/>
              </a:ext>
            </a:extLst>
          </p:cNvPr>
          <p:cNvSpPr txBox="1"/>
          <p:nvPr/>
        </p:nvSpPr>
        <p:spPr>
          <a:xfrm>
            <a:off x="4353848" y="2089743"/>
            <a:ext cx="3087190" cy="978903"/>
          </a:xfrm>
          <a:prstGeom prst="rect">
            <a:avLst/>
          </a:prstGeom>
          <a:noFill/>
          <a:ln>
            <a:solidFill>
              <a:schemeClr val="accent2"/>
            </a:solidFill>
          </a:ln>
        </p:spPr>
        <p:txBody>
          <a:bodyPr wrap="square" lIns="0" tIns="0" rIns="0" bIns="0" rtlCol="0">
            <a:noAutofit/>
          </a:bodyPr>
          <a:lstStyle/>
          <a:p>
            <a:pPr marL="388620" lvl="0" indent="-285750" defTabSz="914400">
              <a:spcAft>
                <a:spcPts val="300"/>
              </a:spcAft>
              <a:buFont typeface="Arial" panose="020B0604020202020204" pitchFamily="34" charset="0"/>
              <a:buChar char="•"/>
              <a:tabLst>
                <a:tab pos="114300" algn="l"/>
              </a:tabLst>
              <a:defRPr/>
            </a:pPr>
            <a:endParaRPr lang="en-US" sz="300">
              <a:solidFill>
                <a:srgbClr val="000000"/>
              </a:solidFill>
              <a:ea typeface="Verdana" panose="020B0604030504040204" pitchFamily="34" charset="0"/>
            </a:endParaRPr>
          </a:p>
          <a:p>
            <a:pPr marL="388620" lvl="0" indent="-285750" defTabSz="914400">
              <a:spcAft>
                <a:spcPts val="300"/>
              </a:spcAft>
              <a:buFont typeface="Arial" panose="020B0604020202020204" pitchFamily="34" charset="0"/>
              <a:buChar char="•"/>
              <a:tabLst>
                <a:tab pos="114300" algn="l"/>
              </a:tabLst>
              <a:defRPr/>
            </a:pPr>
            <a:r>
              <a:rPr lang="en-US" sz="1400">
                <a:solidFill>
                  <a:srgbClr val="000000"/>
                </a:solidFill>
                <a:ea typeface="Verdana" panose="020B0604030504040204" pitchFamily="34" charset="0"/>
              </a:rPr>
              <a:t>Term, notional, interest periods, swap rate.</a:t>
            </a:r>
          </a:p>
        </p:txBody>
      </p:sp>
      <p:sp>
        <p:nvSpPr>
          <p:cNvPr id="37" name="Rectangle 36">
            <a:extLst>
              <a:ext uri="{FF2B5EF4-FFF2-40B4-BE49-F238E27FC236}">
                <a16:creationId xmlns:a16="http://schemas.microsoft.com/office/drawing/2014/main" id="{699B04EC-CB79-4068-BFD0-CFF063373663}"/>
              </a:ext>
            </a:extLst>
          </p:cNvPr>
          <p:cNvSpPr/>
          <p:nvPr/>
        </p:nvSpPr>
        <p:spPr>
          <a:xfrm>
            <a:off x="4353849" y="1752803"/>
            <a:ext cx="3087188" cy="342210"/>
          </a:xfrm>
          <a:prstGeom prst="rect">
            <a:avLst/>
          </a:prstGeom>
          <a:solidFill>
            <a:schemeClr val="accent2"/>
          </a:solidFill>
          <a:ln>
            <a:solidFill>
              <a:schemeClr val="accent2"/>
            </a:solidFill>
          </a:ln>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solidFill>
                  <a:schemeClr val="bg1"/>
                </a:solidFill>
                <a:effectLst/>
                <a:uLnTx/>
                <a:uFillTx/>
                <a:latin typeface="Calibri" panose="020F0502020204030204"/>
                <a:ea typeface="Verdana" panose="020B0604030504040204" pitchFamily="34" charset="0"/>
                <a:cs typeface="+mn-cs"/>
              </a:rPr>
              <a:t>Key economics</a:t>
            </a:r>
          </a:p>
        </p:txBody>
      </p:sp>
      <p:sp>
        <p:nvSpPr>
          <p:cNvPr id="40" name="TextBox 39">
            <a:extLst>
              <a:ext uri="{FF2B5EF4-FFF2-40B4-BE49-F238E27FC236}">
                <a16:creationId xmlns:a16="http://schemas.microsoft.com/office/drawing/2014/main" id="{9BBB6D0C-0348-4191-9009-295B4EF5D78F}"/>
              </a:ext>
            </a:extLst>
          </p:cNvPr>
          <p:cNvSpPr txBox="1"/>
          <p:nvPr/>
        </p:nvSpPr>
        <p:spPr>
          <a:xfrm>
            <a:off x="7777192" y="2087627"/>
            <a:ext cx="3087188" cy="981020"/>
          </a:xfrm>
          <a:prstGeom prst="rect">
            <a:avLst/>
          </a:prstGeom>
          <a:noFill/>
          <a:ln>
            <a:solidFill>
              <a:schemeClr val="accent6"/>
            </a:solidFill>
          </a:ln>
        </p:spPr>
        <p:txBody>
          <a:bodyPr wrap="square" lIns="0" tIns="0" rIns="0" bIns="0" rtlCol="0">
            <a:no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altLang="en-US" sz="300"/>
          </a:p>
          <a:p>
            <a:pPr marL="339725"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tLang="en-US" sz="1400"/>
              <a:t>No upfront premium (zero value at inception).</a:t>
            </a:r>
          </a:p>
          <a:p>
            <a:pPr marL="339725" marR="0" lvl="0" indent="-2794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tLang="en-US" sz="1400"/>
              <a:t>There is always a payment made by one party to the other.</a:t>
            </a:r>
            <a:endParaRPr lang="en-US" altLang="en-US" sz="1400">
              <a:solidFill>
                <a:schemeClr val="tx1"/>
              </a:solidFill>
            </a:endParaRPr>
          </a:p>
        </p:txBody>
      </p:sp>
      <p:sp>
        <p:nvSpPr>
          <p:cNvPr id="42" name="Rectangle 41">
            <a:extLst>
              <a:ext uri="{FF2B5EF4-FFF2-40B4-BE49-F238E27FC236}">
                <a16:creationId xmlns:a16="http://schemas.microsoft.com/office/drawing/2014/main" id="{1CBBE8FA-33E9-46CD-A593-9BA80976DB9C}"/>
              </a:ext>
            </a:extLst>
          </p:cNvPr>
          <p:cNvSpPr/>
          <p:nvPr/>
        </p:nvSpPr>
        <p:spPr>
          <a:xfrm>
            <a:off x="7777191" y="1767602"/>
            <a:ext cx="3087188" cy="342210"/>
          </a:xfrm>
          <a:prstGeom prst="rect">
            <a:avLst/>
          </a:prstGeom>
          <a:solidFill>
            <a:schemeClr val="accent6"/>
          </a:solidFill>
          <a:ln>
            <a:solidFill>
              <a:schemeClr val="accent6"/>
            </a:solidFill>
          </a:ln>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solidFill>
                  <a:schemeClr val="bg1"/>
                </a:solidFill>
                <a:effectLst/>
                <a:uLnTx/>
                <a:uFillTx/>
                <a:latin typeface="Calibri" panose="020F0502020204030204"/>
                <a:ea typeface="Verdana" panose="020B0604030504040204" pitchFamily="34" charset="0"/>
                <a:cs typeface="+mn-cs"/>
              </a:rPr>
              <a:t>Cash flows</a:t>
            </a:r>
          </a:p>
        </p:txBody>
      </p:sp>
      <p:sp>
        <p:nvSpPr>
          <p:cNvPr id="44" name="Line 203">
            <a:extLst>
              <a:ext uri="{FF2B5EF4-FFF2-40B4-BE49-F238E27FC236}">
                <a16:creationId xmlns:a16="http://schemas.microsoft.com/office/drawing/2014/main" id="{BEC63528-A644-4E2F-A6AA-A44F2ED306BF}"/>
              </a:ext>
            </a:extLst>
          </p:cNvPr>
          <p:cNvSpPr>
            <a:spLocks noChangeShapeType="1"/>
          </p:cNvSpPr>
          <p:nvPr/>
        </p:nvSpPr>
        <p:spPr bwMode="auto">
          <a:xfrm flipH="1" flipV="1">
            <a:off x="3159919" y="4066528"/>
            <a:ext cx="2011680" cy="3587"/>
          </a:xfrm>
          <a:prstGeom prst="line">
            <a:avLst/>
          </a:prstGeom>
          <a:noFill/>
          <a:ln w="28575" cap="rnd">
            <a:solidFill>
              <a:schemeClr val="tx2"/>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45" name="Line 203">
            <a:extLst>
              <a:ext uri="{FF2B5EF4-FFF2-40B4-BE49-F238E27FC236}">
                <a16:creationId xmlns:a16="http://schemas.microsoft.com/office/drawing/2014/main" id="{12BCFF86-B68E-46E5-A8C8-1D10CB7E152D}"/>
              </a:ext>
            </a:extLst>
          </p:cNvPr>
          <p:cNvSpPr>
            <a:spLocks noChangeShapeType="1"/>
          </p:cNvSpPr>
          <p:nvPr/>
        </p:nvSpPr>
        <p:spPr bwMode="auto">
          <a:xfrm flipV="1">
            <a:off x="3178422" y="4589895"/>
            <a:ext cx="2011680" cy="0"/>
          </a:xfrm>
          <a:prstGeom prst="line">
            <a:avLst/>
          </a:prstGeom>
          <a:noFill/>
          <a:ln w="28575" cap="rnd">
            <a:solidFill>
              <a:schemeClr val="accent6"/>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46" name="Oval 188">
            <a:extLst>
              <a:ext uri="{FF2B5EF4-FFF2-40B4-BE49-F238E27FC236}">
                <a16:creationId xmlns:a16="http://schemas.microsoft.com/office/drawing/2014/main" id="{0D8F861E-7F8A-482F-BA8C-1AA4DD518E87}"/>
              </a:ext>
            </a:extLst>
          </p:cNvPr>
          <p:cNvSpPr>
            <a:spLocks noChangeArrowheads="1"/>
          </p:cNvSpPr>
          <p:nvPr/>
        </p:nvSpPr>
        <p:spPr bwMode="auto">
          <a:xfrm>
            <a:off x="3563836" y="3931570"/>
            <a:ext cx="1231853" cy="276664"/>
          </a:xfrm>
          <a:prstGeom prst="rect">
            <a:avLst/>
          </a:prstGeom>
          <a:solidFill>
            <a:schemeClr val="tx2"/>
          </a:solidFill>
          <a:ln w="9525">
            <a:solidFill>
              <a:schemeClr val="tx2"/>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rPr>
              <a:t>Fixed: swap rate</a:t>
            </a:r>
          </a:p>
        </p:txBody>
      </p:sp>
      <p:sp>
        <p:nvSpPr>
          <p:cNvPr id="47" name="Oval 188">
            <a:extLst>
              <a:ext uri="{FF2B5EF4-FFF2-40B4-BE49-F238E27FC236}">
                <a16:creationId xmlns:a16="http://schemas.microsoft.com/office/drawing/2014/main" id="{03C5BACD-8E01-4F2B-9B2C-FB80B57A05CA}"/>
              </a:ext>
            </a:extLst>
          </p:cNvPr>
          <p:cNvSpPr>
            <a:spLocks noChangeArrowheads="1"/>
          </p:cNvSpPr>
          <p:nvPr/>
        </p:nvSpPr>
        <p:spPr bwMode="auto">
          <a:xfrm>
            <a:off x="3601143" y="4448341"/>
            <a:ext cx="1194546" cy="271800"/>
          </a:xfrm>
          <a:prstGeom prst="rect">
            <a:avLst/>
          </a:prstGeom>
          <a:solidFill>
            <a:schemeClr val="accent6"/>
          </a:solidFill>
          <a:ln w="9525">
            <a:solidFill>
              <a:schemeClr val="accent6"/>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rPr>
              <a:t>Floating: LIBOR</a:t>
            </a:r>
          </a:p>
        </p:txBody>
      </p:sp>
      <p:sp>
        <p:nvSpPr>
          <p:cNvPr id="51" name="Line 203">
            <a:extLst>
              <a:ext uri="{FF2B5EF4-FFF2-40B4-BE49-F238E27FC236}">
                <a16:creationId xmlns:a16="http://schemas.microsoft.com/office/drawing/2014/main" id="{F04D430C-B816-4002-8A36-999A7F4C8C27}"/>
              </a:ext>
            </a:extLst>
          </p:cNvPr>
          <p:cNvSpPr>
            <a:spLocks noChangeShapeType="1"/>
          </p:cNvSpPr>
          <p:nvPr/>
        </p:nvSpPr>
        <p:spPr bwMode="auto">
          <a:xfrm>
            <a:off x="8578356" y="4221992"/>
            <a:ext cx="625496" cy="3588"/>
          </a:xfrm>
          <a:prstGeom prst="line">
            <a:avLst/>
          </a:prstGeom>
          <a:noFill/>
          <a:ln w="28575" cap="rnd">
            <a:solidFill>
              <a:srgbClr val="8D0E57"/>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52" name="Line 203">
            <a:extLst>
              <a:ext uri="{FF2B5EF4-FFF2-40B4-BE49-F238E27FC236}">
                <a16:creationId xmlns:a16="http://schemas.microsoft.com/office/drawing/2014/main" id="{0EE36C0D-B6AF-461F-ADF3-D0DF0CEB7E53}"/>
              </a:ext>
            </a:extLst>
          </p:cNvPr>
          <p:cNvSpPr>
            <a:spLocks noChangeShapeType="1"/>
          </p:cNvSpPr>
          <p:nvPr/>
        </p:nvSpPr>
        <p:spPr bwMode="auto">
          <a:xfrm flipV="1">
            <a:off x="7422535" y="4221992"/>
            <a:ext cx="799211" cy="0"/>
          </a:xfrm>
          <a:prstGeom prst="line">
            <a:avLst/>
          </a:prstGeom>
          <a:noFill/>
          <a:ln w="28575" cap="rnd">
            <a:solidFill>
              <a:schemeClr val="accent6"/>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53" name="Oval 188">
            <a:extLst>
              <a:ext uri="{FF2B5EF4-FFF2-40B4-BE49-F238E27FC236}">
                <a16:creationId xmlns:a16="http://schemas.microsoft.com/office/drawing/2014/main" id="{ECC08610-EE6D-4D32-9F9A-2546408EE797}"/>
              </a:ext>
            </a:extLst>
          </p:cNvPr>
          <p:cNvSpPr>
            <a:spLocks noChangeArrowheads="1"/>
          </p:cNvSpPr>
          <p:nvPr/>
        </p:nvSpPr>
        <p:spPr bwMode="auto">
          <a:xfrm>
            <a:off x="6843764" y="4080438"/>
            <a:ext cx="1194546" cy="271800"/>
          </a:xfrm>
          <a:prstGeom prst="rect">
            <a:avLst/>
          </a:prstGeom>
          <a:solidFill>
            <a:schemeClr val="accent6"/>
          </a:solidFill>
          <a:ln w="9525">
            <a:solidFill>
              <a:schemeClr val="accent6"/>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rPr>
              <a:t>Floating: LIBOR</a:t>
            </a:r>
          </a:p>
        </p:txBody>
      </p:sp>
      <p:sp>
        <p:nvSpPr>
          <p:cNvPr id="54" name="Oval 188">
            <a:extLst>
              <a:ext uri="{FF2B5EF4-FFF2-40B4-BE49-F238E27FC236}">
                <a16:creationId xmlns:a16="http://schemas.microsoft.com/office/drawing/2014/main" id="{069E96F4-CDD5-4D06-B74A-A274A1B8BBCB}"/>
              </a:ext>
            </a:extLst>
          </p:cNvPr>
          <p:cNvSpPr>
            <a:spLocks noChangeArrowheads="1"/>
          </p:cNvSpPr>
          <p:nvPr/>
        </p:nvSpPr>
        <p:spPr bwMode="auto">
          <a:xfrm>
            <a:off x="8411572" y="4078849"/>
            <a:ext cx="551560" cy="276663"/>
          </a:xfrm>
          <a:prstGeom prst="rect">
            <a:avLst/>
          </a:prstGeom>
          <a:solidFill>
            <a:srgbClr val="8D0E57"/>
          </a:solidFill>
          <a:ln w="9525">
            <a:solidFill>
              <a:srgbClr val="8D0E57"/>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100">
                <a:solidFill>
                  <a:srgbClr val="FFFFFF"/>
                </a:solidFill>
                <a:latin typeface="Calibri" panose="020F0502020204030204"/>
              </a:rPr>
              <a:t>Spread</a:t>
            </a:r>
            <a:endPar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55" name="Cross 54">
            <a:extLst>
              <a:ext uri="{FF2B5EF4-FFF2-40B4-BE49-F238E27FC236}">
                <a16:creationId xmlns:a16="http://schemas.microsoft.com/office/drawing/2014/main" id="{A92DF725-D941-4D85-8DAC-611DB3B2D035}"/>
              </a:ext>
            </a:extLst>
          </p:cNvPr>
          <p:cNvSpPr/>
          <p:nvPr/>
        </p:nvSpPr>
        <p:spPr>
          <a:xfrm>
            <a:off x="8241208" y="4186495"/>
            <a:ext cx="91440" cy="99882"/>
          </a:xfrm>
          <a:prstGeom prst="plus">
            <a:avLst>
              <a:gd name="adj" fmla="val 35494"/>
            </a:avLst>
          </a:prstGeom>
          <a:solidFill>
            <a:schemeClr val="accent6"/>
          </a:solid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100">
              <a:solidFill>
                <a:schemeClr val="tx1"/>
              </a:solidFill>
            </a:endParaRPr>
          </a:p>
        </p:txBody>
      </p:sp>
      <p:sp>
        <p:nvSpPr>
          <p:cNvPr id="56" name="Rechteck 29">
            <a:extLst>
              <a:ext uri="{FF2B5EF4-FFF2-40B4-BE49-F238E27FC236}">
                <a16:creationId xmlns:a16="http://schemas.microsoft.com/office/drawing/2014/main" id="{ED596F84-480C-4080-8D66-2DD890805F2D}"/>
              </a:ext>
            </a:extLst>
          </p:cNvPr>
          <p:cNvSpPr>
            <a:spLocks noChangeArrowheads="1"/>
          </p:cNvSpPr>
          <p:nvPr/>
        </p:nvSpPr>
        <p:spPr bwMode="gray">
          <a:xfrm>
            <a:off x="9284599" y="3881644"/>
            <a:ext cx="1272591" cy="1080275"/>
          </a:xfrm>
          <a:prstGeom prst="rect">
            <a:avLst/>
          </a:prstGeom>
          <a:solidFill>
            <a:schemeClr val="bg2"/>
          </a:solidFill>
          <a:ln w="95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tIns="91440" rtlCol="0" anchor="t"/>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200">
                <a:solidFill>
                  <a:srgbClr val="242424"/>
                </a:solidFill>
                <a:latin typeface="Calibri" panose="020F0502020204030204"/>
              </a:rPr>
              <a:t>Lender</a:t>
            </a:r>
            <a:endParaRPr kumimoji="0" lang="en-US" sz="1200" b="0" i="0" u="none" strike="noStrike" kern="1200" cap="none" spc="0" normalizeH="0" baseline="0" noProof="0">
              <a:ln>
                <a:noFill/>
              </a:ln>
              <a:solidFill>
                <a:srgbClr val="242424"/>
              </a:solidFill>
              <a:effectLst/>
              <a:uLnTx/>
              <a:uFillTx/>
              <a:latin typeface="Calibri" panose="020F0502020204030204"/>
              <a:ea typeface="+mn-ea"/>
              <a:cs typeface="+mn-cs"/>
            </a:endParaRPr>
          </a:p>
        </p:txBody>
      </p:sp>
      <p:pic>
        <p:nvPicPr>
          <p:cNvPr id="57" name="Picture 56">
            <a:extLst>
              <a:ext uri="{FF2B5EF4-FFF2-40B4-BE49-F238E27FC236}">
                <a16:creationId xmlns:a16="http://schemas.microsoft.com/office/drawing/2014/main" id="{41A0BB7C-22C1-4502-8CE2-474AB0FC2E99}"/>
              </a:ext>
            </a:extLst>
          </p:cNvPr>
          <p:cNvPicPr>
            <a:picLocks noChangeAspect="1"/>
          </p:cNvPicPr>
          <p:nvPr>
            <p:custDataLst>
              <p:tags r:id="rId1"/>
            </p:custDataLst>
          </p:nvPr>
        </p:nvPicPr>
        <p:blipFill rotWithShape="1">
          <a:blip r:embed="rId5"/>
          <a:srcRect/>
          <a:stretch/>
        </p:blipFill>
        <p:spPr>
          <a:xfrm>
            <a:off x="1819069" y="3974272"/>
            <a:ext cx="1013806" cy="1083863"/>
          </a:xfrm>
          <a:prstGeom prst="rect">
            <a:avLst/>
          </a:prstGeom>
        </p:spPr>
      </p:pic>
      <p:sp>
        <p:nvSpPr>
          <p:cNvPr id="58" name="Rechteck 29">
            <a:extLst>
              <a:ext uri="{FF2B5EF4-FFF2-40B4-BE49-F238E27FC236}">
                <a16:creationId xmlns:a16="http://schemas.microsoft.com/office/drawing/2014/main" id="{80153536-C351-42F9-8F91-2ECE11B8BE56}"/>
              </a:ext>
            </a:extLst>
          </p:cNvPr>
          <p:cNvSpPr>
            <a:spLocks noChangeArrowheads="1"/>
          </p:cNvSpPr>
          <p:nvPr/>
        </p:nvSpPr>
        <p:spPr bwMode="gray">
          <a:xfrm>
            <a:off x="5362752" y="3881644"/>
            <a:ext cx="1272591" cy="1076688"/>
          </a:xfrm>
          <a:prstGeom prst="rect">
            <a:avLst/>
          </a:prstGeom>
          <a:solidFill>
            <a:schemeClr val="bg2"/>
          </a:solidFill>
          <a:ln w="95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tIns="91440" rtlCol="0" anchor="t"/>
          <a:lstStyle/>
          <a:p>
            <a:pPr algn="ctr" defTabSz="457200">
              <a:defRPr/>
            </a:pPr>
            <a:r>
              <a:rPr kumimoji="0" lang="en-US" sz="1200" b="0" i="0" u="none" strike="noStrike" kern="1200" cap="none" spc="0" normalizeH="0" baseline="0" noProof="0">
                <a:ln>
                  <a:noFill/>
                </a:ln>
                <a:solidFill>
                  <a:srgbClr val="242424"/>
                </a:solidFill>
                <a:effectLst/>
                <a:uLnTx/>
                <a:uFillTx/>
                <a:latin typeface="Calibri" panose="020F0502020204030204"/>
                <a:ea typeface="+mn-ea"/>
                <a:cs typeface="+mn-cs"/>
              </a:rPr>
              <a:t>Company</a:t>
            </a:r>
          </a:p>
        </p:txBody>
      </p:sp>
      <p:pic>
        <p:nvPicPr>
          <p:cNvPr id="59" name="Picture 58">
            <a:extLst>
              <a:ext uri="{FF2B5EF4-FFF2-40B4-BE49-F238E27FC236}">
                <a16:creationId xmlns:a16="http://schemas.microsoft.com/office/drawing/2014/main" id="{5DBFE4C0-689E-42E6-8D02-A1959B5C8655}"/>
              </a:ext>
            </a:extLst>
          </p:cNvPr>
          <p:cNvPicPr>
            <a:picLocks noChangeAspect="1"/>
          </p:cNvPicPr>
          <p:nvPr>
            <p:custDataLst>
              <p:tags r:id="rId2"/>
            </p:custDataLst>
          </p:nvPr>
        </p:nvPicPr>
        <p:blipFill rotWithShape="1">
          <a:blip r:embed="rId6"/>
          <a:srcRect/>
          <a:stretch/>
        </p:blipFill>
        <p:spPr>
          <a:xfrm>
            <a:off x="5514118" y="4017126"/>
            <a:ext cx="1013806" cy="1083863"/>
          </a:xfrm>
          <a:prstGeom prst="rect">
            <a:avLst/>
          </a:prstGeom>
        </p:spPr>
      </p:pic>
      <p:pic>
        <p:nvPicPr>
          <p:cNvPr id="63" name="Picture 62">
            <a:extLst>
              <a:ext uri="{FF2B5EF4-FFF2-40B4-BE49-F238E27FC236}">
                <a16:creationId xmlns:a16="http://schemas.microsoft.com/office/drawing/2014/main" id="{1F2F9970-A70F-4E9B-A1C6-DB2B82DFA907}"/>
              </a:ext>
            </a:extLst>
          </p:cNvPr>
          <p:cNvPicPr>
            <a:picLocks noChangeAspect="1"/>
          </p:cNvPicPr>
          <p:nvPr>
            <p:custDataLst>
              <p:tags r:id="rId3"/>
            </p:custDataLst>
          </p:nvPr>
        </p:nvPicPr>
        <p:blipFill rotWithShape="1">
          <a:blip r:embed="rId7">
            <a:extLst>
              <a:ext uri="{28A0092B-C50C-407E-A947-70E740481C1C}">
                <a14:useLocalDpi xmlns:a14="http://schemas.microsoft.com/office/drawing/2010/main" val="0"/>
              </a:ext>
            </a:extLst>
          </a:blip>
          <a:srcRect/>
          <a:stretch/>
        </p:blipFill>
        <p:spPr>
          <a:xfrm>
            <a:off x="9424986" y="4015859"/>
            <a:ext cx="1035895" cy="1035895"/>
          </a:xfrm>
          <a:prstGeom prst="rect">
            <a:avLst/>
          </a:prstGeom>
        </p:spPr>
      </p:pic>
    </p:spTree>
    <p:extLst>
      <p:ext uri="{BB962C8B-B14F-4D97-AF65-F5344CB8AC3E}">
        <p14:creationId xmlns:p14="http://schemas.microsoft.com/office/powerpoint/2010/main" val="129971598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813C75-DD40-4CEA-AC74-50B70E49AAA7}"/>
              </a:ext>
            </a:extLst>
          </p:cNvPr>
          <p:cNvSpPr>
            <a:spLocks noGrp="1"/>
          </p:cNvSpPr>
          <p:nvPr>
            <p:ph type="title"/>
          </p:nvPr>
        </p:nvSpPr>
        <p:spPr/>
        <p:txBody>
          <a:bodyPr/>
          <a:lstStyle/>
          <a:p>
            <a:r>
              <a:rPr lang="en-US"/>
              <a:t>Interest rate swaps</a:t>
            </a:r>
          </a:p>
        </p:txBody>
      </p:sp>
      <p:sp>
        <p:nvSpPr>
          <p:cNvPr id="4" name="Slide Number Placeholder 3">
            <a:extLst>
              <a:ext uri="{FF2B5EF4-FFF2-40B4-BE49-F238E27FC236}">
                <a16:creationId xmlns:a16="http://schemas.microsoft.com/office/drawing/2014/main" id="{6F562347-7A90-4138-A5ED-05CCB2D410D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13</a:t>
            </a:fld>
            <a:endParaRPr lang="en-US">
              <a:solidFill>
                <a:srgbClr val="1F2322"/>
              </a:solidFill>
            </a:endParaRPr>
          </a:p>
        </p:txBody>
      </p:sp>
      <p:sp>
        <p:nvSpPr>
          <p:cNvPr id="5" name="Text Placeholder 4">
            <a:extLst>
              <a:ext uri="{FF2B5EF4-FFF2-40B4-BE49-F238E27FC236}">
                <a16:creationId xmlns:a16="http://schemas.microsoft.com/office/drawing/2014/main" id="{E65D862A-FF32-42A7-8A30-73A76BDE1A1E}"/>
              </a:ext>
            </a:extLst>
          </p:cNvPr>
          <p:cNvSpPr>
            <a:spLocks noGrp="1"/>
          </p:cNvSpPr>
          <p:nvPr>
            <p:ph type="body" sz="quarter" idx="11"/>
          </p:nvPr>
        </p:nvSpPr>
        <p:spPr/>
        <p:txBody>
          <a:bodyPr/>
          <a:lstStyle/>
          <a:p>
            <a:r>
              <a:rPr lang="en-US"/>
              <a:t>Lock in at-market prices to eliminate upside and downside</a:t>
            </a:r>
          </a:p>
        </p:txBody>
      </p:sp>
      <p:graphicFrame>
        <p:nvGraphicFramePr>
          <p:cNvPr id="6" name="Chart 5">
            <a:extLst>
              <a:ext uri="{FF2B5EF4-FFF2-40B4-BE49-F238E27FC236}">
                <a16:creationId xmlns:a16="http://schemas.microsoft.com/office/drawing/2014/main" id="{91C1FDE3-A9F3-40F4-9869-416BD66B9376}"/>
              </a:ext>
            </a:extLst>
          </p:cNvPr>
          <p:cNvGraphicFramePr>
            <a:graphicFrameLocks/>
          </p:cNvGraphicFramePr>
          <p:nvPr/>
        </p:nvGraphicFramePr>
        <p:xfrm>
          <a:off x="6318504" y="1640740"/>
          <a:ext cx="4855464" cy="2743200"/>
        </p:xfrm>
        <a:graphic>
          <a:graphicData uri="http://schemas.openxmlformats.org/drawingml/2006/chart">
            <c:chart xmlns:c="http://schemas.openxmlformats.org/drawingml/2006/chart" xmlns:r="http://schemas.openxmlformats.org/officeDocument/2006/relationships" r:id="rId2"/>
          </a:graphicData>
        </a:graphic>
      </p:graphicFrame>
      <p:sp>
        <p:nvSpPr>
          <p:cNvPr id="7" name="TextBox 6">
            <a:extLst>
              <a:ext uri="{FF2B5EF4-FFF2-40B4-BE49-F238E27FC236}">
                <a16:creationId xmlns:a16="http://schemas.microsoft.com/office/drawing/2014/main" id="{44FCC662-1A9C-4461-91BC-459FC0BFB339}"/>
              </a:ext>
            </a:extLst>
          </p:cNvPr>
          <p:cNvSpPr txBox="1"/>
          <p:nvPr/>
        </p:nvSpPr>
        <p:spPr>
          <a:xfrm>
            <a:off x="1100388" y="5010303"/>
            <a:ext cx="4476084" cy="664361"/>
          </a:xfrm>
          <a:prstGeom prst="rect">
            <a:avLst/>
          </a:prstGeom>
          <a:noFill/>
          <a:ln>
            <a:noFill/>
          </a:ln>
        </p:spPr>
        <p:txBody>
          <a:bodyPr wrap="square" lIns="0" tIns="0" rIns="0" bIns="0" rtlCol="0">
            <a:noAutofit/>
          </a:bodyPr>
          <a:lstStyle/>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Removes uncertainty</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No out-of-pocket upfront cost</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Usually hedge accounting friendly</a:t>
            </a:r>
          </a:p>
        </p:txBody>
      </p:sp>
      <p:sp>
        <p:nvSpPr>
          <p:cNvPr id="8" name="TextBox 7">
            <a:extLst>
              <a:ext uri="{FF2B5EF4-FFF2-40B4-BE49-F238E27FC236}">
                <a16:creationId xmlns:a16="http://schemas.microsoft.com/office/drawing/2014/main" id="{1E97C1C6-D3CC-457C-B878-66413074D1D1}"/>
              </a:ext>
            </a:extLst>
          </p:cNvPr>
          <p:cNvSpPr txBox="1"/>
          <p:nvPr/>
        </p:nvSpPr>
        <p:spPr>
          <a:xfrm>
            <a:off x="6596820" y="5010303"/>
            <a:ext cx="4466357" cy="775093"/>
          </a:xfrm>
          <a:prstGeom prst="rect">
            <a:avLst/>
          </a:prstGeom>
          <a:noFill/>
          <a:ln>
            <a:noFill/>
          </a:ln>
        </p:spPr>
        <p:txBody>
          <a:bodyPr wrap="square" lIns="0" tIns="0" rIns="0" bIns="0" rtlCol="0">
            <a:noAutofit/>
          </a:bodyPr>
          <a:lstStyle/>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No “upside” participation</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Hedge can be a large liability</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Requires credit</a:t>
            </a:r>
          </a:p>
        </p:txBody>
      </p:sp>
      <p:cxnSp>
        <p:nvCxnSpPr>
          <p:cNvPr id="9" name="Straight Arrow Connector 8">
            <a:extLst>
              <a:ext uri="{FF2B5EF4-FFF2-40B4-BE49-F238E27FC236}">
                <a16:creationId xmlns:a16="http://schemas.microsoft.com/office/drawing/2014/main" id="{6772FF8A-6E37-480F-8604-971036844D01}"/>
              </a:ext>
            </a:extLst>
          </p:cNvPr>
          <p:cNvCxnSpPr>
            <a:cxnSpLocks/>
          </p:cNvCxnSpPr>
          <p:nvPr/>
        </p:nvCxnSpPr>
        <p:spPr>
          <a:xfrm>
            <a:off x="1107948" y="4811310"/>
            <a:ext cx="4466357" cy="0"/>
          </a:xfrm>
          <a:prstGeom prst="straightConnector1">
            <a:avLst/>
          </a:prstGeom>
          <a:ln w="19050">
            <a:solidFill>
              <a:schemeClr val="accent6"/>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Rectangle 9">
            <a:extLst>
              <a:ext uri="{FF2B5EF4-FFF2-40B4-BE49-F238E27FC236}">
                <a16:creationId xmlns:a16="http://schemas.microsoft.com/office/drawing/2014/main" id="{C8CA2821-AF98-4F06-8EDA-127625E730BE}"/>
              </a:ext>
            </a:extLst>
          </p:cNvPr>
          <p:cNvSpPr/>
          <p:nvPr/>
        </p:nvSpPr>
        <p:spPr>
          <a:xfrm>
            <a:off x="2763818" y="4640205"/>
            <a:ext cx="1154617" cy="342210"/>
          </a:xfrm>
          <a:prstGeom prst="rect">
            <a:avLst/>
          </a:prstGeom>
          <a:solidFill>
            <a:schemeClr val="bg1"/>
          </a:solidFill>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Advantages</a:t>
            </a:r>
          </a:p>
        </p:txBody>
      </p:sp>
      <p:cxnSp>
        <p:nvCxnSpPr>
          <p:cNvPr id="11" name="Straight Arrow Connector 10">
            <a:extLst>
              <a:ext uri="{FF2B5EF4-FFF2-40B4-BE49-F238E27FC236}">
                <a16:creationId xmlns:a16="http://schemas.microsoft.com/office/drawing/2014/main" id="{81B12309-814B-4121-8CD0-BEEF52421B6E}"/>
              </a:ext>
            </a:extLst>
          </p:cNvPr>
          <p:cNvCxnSpPr>
            <a:cxnSpLocks/>
          </p:cNvCxnSpPr>
          <p:nvPr/>
        </p:nvCxnSpPr>
        <p:spPr>
          <a:xfrm>
            <a:off x="6596820" y="4811310"/>
            <a:ext cx="4466357" cy="0"/>
          </a:xfrm>
          <a:prstGeom prst="straightConnector1">
            <a:avLst/>
          </a:prstGeom>
          <a:ln w="19050">
            <a:solidFill>
              <a:srgbClr val="8D0E47"/>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Rectangle 11">
            <a:extLst>
              <a:ext uri="{FF2B5EF4-FFF2-40B4-BE49-F238E27FC236}">
                <a16:creationId xmlns:a16="http://schemas.microsoft.com/office/drawing/2014/main" id="{D392FB0C-BDD9-4344-8651-9FABDC65D1B5}"/>
              </a:ext>
            </a:extLst>
          </p:cNvPr>
          <p:cNvSpPr/>
          <p:nvPr/>
        </p:nvSpPr>
        <p:spPr>
          <a:xfrm>
            <a:off x="8142012" y="4640205"/>
            <a:ext cx="1375973" cy="342210"/>
          </a:xfrm>
          <a:prstGeom prst="rect">
            <a:avLst/>
          </a:prstGeom>
          <a:solidFill>
            <a:schemeClr val="bg1"/>
          </a:solidFill>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Disadvantages</a:t>
            </a:r>
          </a:p>
        </p:txBody>
      </p:sp>
      <p:cxnSp>
        <p:nvCxnSpPr>
          <p:cNvPr id="13" name="Straight Arrow Connector 12">
            <a:extLst>
              <a:ext uri="{FF2B5EF4-FFF2-40B4-BE49-F238E27FC236}">
                <a16:creationId xmlns:a16="http://schemas.microsoft.com/office/drawing/2014/main" id="{BF17AFBD-A8F4-4619-BD23-55A6A2908034}"/>
              </a:ext>
            </a:extLst>
          </p:cNvPr>
          <p:cNvCxnSpPr>
            <a:cxnSpLocks/>
          </p:cNvCxnSpPr>
          <p:nvPr/>
        </p:nvCxnSpPr>
        <p:spPr>
          <a:xfrm>
            <a:off x="6096000" y="4862109"/>
            <a:ext cx="0" cy="846017"/>
          </a:xfrm>
          <a:prstGeom prst="straightConnector1">
            <a:avLst/>
          </a:prstGeom>
          <a:ln w="12700">
            <a:solidFill>
              <a:schemeClr val="bg1">
                <a:lumMod val="75000"/>
              </a:schemeClr>
            </a:solidFill>
            <a:prstDash val="dash"/>
            <a:headEnd type="none" w="med" len="med"/>
            <a:tailEnd type="none" w="med" len="med"/>
          </a:ln>
        </p:spPr>
        <p:style>
          <a:lnRef idx="1">
            <a:schemeClr val="accent1"/>
          </a:lnRef>
          <a:fillRef idx="0">
            <a:schemeClr val="accent1"/>
          </a:fillRef>
          <a:effectRef idx="0">
            <a:schemeClr val="accent1"/>
          </a:effectRef>
          <a:fontRef idx="minor">
            <a:schemeClr val="tx1"/>
          </a:fontRef>
        </p:style>
      </p:cxnSp>
      <p:graphicFrame>
        <p:nvGraphicFramePr>
          <p:cNvPr id="3" name="Table 2">
            <a:extLst>
              <a:ext uri="{FF2B5EF4-FFF2-40B4-BE49-F238E27FC236}">
                <a16:creationId xmlns:a16="http://schemas.microsoft.com/office/drawing/2014/main" id="{00067BA5-6844-4D13-AFDD-D0E462E83022}"/>
              </a:ext>
            </a:extLst>
          </p:cNvPr>
          <p:cNvGraphicFramePr>
            <a:graphicFrameLocks noGrp="1"/>
          </p:cNvGraphicFramePr>
          <p:nvPr>
            <p:extLst>
              <p:ext uri="{D42A27DB-BD31-4B8C-83A1-F6EECF244321}">
                <p14:modId xmlns:p14="http://schemas.microsoft.com/office/powerpoint/2010/main" val="3579493031"/>
              </p:ext>
            </p:extLst>
          </p:nvPr>
        </p:nvGraphicFramePr>
        <p:xfrm>
          <a:off x="868883" y="2002666"/>
          <a:ext cx="4774270" cy="1598406"/>
        </p:xfrm>
        <a:graphic>
          <a:graphicData uri="http://schemas.openxmlformats.org/drawingml/2006/table">
            <a:tbl>
              <a:tblPr>
                <a:tableStyleId>{5C22544A-7EE6-4342-B048-85BDC9FD1C3A}</a:tableStyleId>
              </a:tblPr>
              <a:tblGrid>
                <a:gridCol w="965434">
                  <a:extLst>
                    <a:ext uri="{9D8B030D-6E8A-4147-A177-3AD203B41FA5}">
                      <a16:colId xmlns:a16="http://schemas.microsoft.com/office/drawing/2014/main" val="2829020108"/>
                    </a:ext>
                  </a:extLst>
                </a:gridCol>
                <a:gridCol w="634806">
                  <a:extLst>
                    <a:ext uri="{9D8B030D-6E8A-4147-A177-3AD203B41FA5}">
                      <a16:colId xmlns:a16="http://schemas.microsoft.com/office/drawing/2014/main" val="1523976143"/>
                    </a:ext>
                  </a:extLst>
                </a:gridCol>
                <a:gridCol w="634806">
                  <a:extLst>
                    <a:ext uri="{9D8B030D-6E8A-4147-A177-3AD203B41FA5}">
                      <a16:colId xmlns:a16="http://schemas.microsoft.com/office/drawing/2014/main" val="2402036826"/>
                    </a:ext>
                  </a:extLst>
                </a:gridCol>
                <a:gridCol w="634806">
                  <a:extLst>
                    <a:ext uri="{9D8B030D-6E8A-4147-A177-3AD203B41FA5}">
                      <a16:colId xmlns:a16="http://schemas.microsoft.com/office/drawing/2014/main" val="1695081472"/>
                    </a:ext>
                  </a:extLst>
                </a:gridCol>
                <a:gridCol w="634806">
                  <a:extLst>
                    <a:ext uri="{9D8B030D-6E8A-4147-A177-3AD203B41FA5}">
                      <a16:colId xmlns:a16="http://schemas.microsoft.com/office/drawing/2014/main" val="3585622720"/>
                    </a:ext>
                  </a:extLst>
                </a:gridCol>
                <a:gridCol w="634806">
                  <a:extLst>
                    <a:ext uri="{9D8B030D-6E8A-4147-A177-3AD203B41FA5}">
                      <a16:colId xmlns:a16="http://schemas.microsoft.com/office/drawing/2014/main" val="3113187173"/>
                    </a:ext>
                  </a:extLst>
                </a:gridCol>
                <a:gridCol w="634806">
                  <a:extLst>
                    <a:ext uri="{9D8B030D-6E8A-4147-A177-3AD203B41FA5}">
                      <a16:colId xmlns:a16="http://schemas.microsoft.com/office/drawing/2014/main" val="2821557218"/>
                    </a:ext>
                  </a:extLst>
                </a:gridCol>
              </a:tblGrid>
              <a:tr h="470568">
                <a:tc>
                  <a:txBody>
                    <a:bodyPr/>
                    <a:lstStyle/>
                    <a:p>
                      <a:pPr algn="ctr" fontAlgn="b"/>
                      <a:r>
                        <a:rPr lang="en-US" sz="1100" u="none" strike="noStrike">
                          <a:solidFill>
                            <a:schemeClr val="bg1"/>
                          </a:solidFill>
                          <a:effectLst/>
                        </a:rPr>
                        <a:t> </a:t>
                      </a:r>
                      <a:endParaRPr lang="en-US" sz="1100" b="0"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b"/>
                      <a:r>
                        <a:rPr lang="en-US" sz="1100" b="1" u="none" strike="noStrike">
                          <a:solidFill>
                            <a:schemeClr val="bg1"/>
                          </a:solidFill>
                          <a:effectLst/>
                        </a:rPr>
                        <a:t>2-year</a:t>
                      </a:r>
                      <a:endParaRPr lang="en-US" sz="1100" b="1"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accent1"/>
                    </a:solidFill>
                  </a:tcPr>
                </a:tc>
                <a:tc>
                  <a:txBody>
                    <a:bodyPr/>
                    <a:lstStyle/>
                    <a:p>
                      <a:pPr algn="ctr" fontAlgn="b"/>
                      <a:r>
                        <a:rPr lang="en-US" sz="1100" b="1" u="none" strike="noStrike">
                          <a:solidFill>
                            <a:schemeClr val="bg1"/>
                          </a:solidFill>
                          <a:effectLst/>
                        </a:rPr>
                        <a:t>3-year</a:t>
                      </a:r>
                      <a:endParaRPr lang="en-US" sz="1100" b="1"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accent1"/>
                    </a:solidFill>
                  </a:tcPr>
                </a:tc>
                <a:tc>
                  <a:txBody>
                    <a:bodyPr/>
                    <a:lstStyle/>
                    <a:p>
                      <a:pPr algn="ctr" fontAlgn="b"/>
                      <a:r>
                        <a:rPr lang="en-US" sz="1100" b="1" u="none" strike="noStrike">
                          <a:solidFill>
                            <a:schemeClr val="bg1"/>
                          </a:solidFill>
                          <a:effectLst/>
                        </a:rPr>
                        <a:t>4-year</a:t>
                      </a:r>
                      <a:endParaRPr lang="en-US" sz="1100" b="1"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accent1"/>
                    </a:solidFill>
                  </a:tcPr>
                </a:tc>
                <a:tc>
                  <a:txBody>
                    <a:bodyPr/>
                    <a:lstStyle/>
                    <a:p>
                      <a:pPr algn="ctr" fontAlgn="b"/>
                      <a:r>
                        <a:rPr lang="en-US" sz="1100" b="1" u="none" strike="noStrike">
                          <a:solidFill>
                            <a:schemeClr val="bg1"/>
                          </a:solidFill>
                          <a:effectLst/>
                        </a:rPr>
                        <a:t>5-year</a:t>
                      </a:r>
                      <a:endParaRPr lang="en-US" sz="1100" b="1"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accent1"/>
                    </a:solidFill>
                  </a:tcPr>
                </a:tc>
                <a:tc>
                  <a:txBody>
                    <a:bodyPr/>
                    <a:lstStyle/>
                    <a:p>
                      <a:pPr algn="ctr" fontAlgn="b"/>
                      <a:r>
                        <a:rPr lang="en-US" sz="1100" b="1" u="none" strike="noStrike">
                          <a:solidFill>
                            <a:schemeClr val="bg1"/>
                          </a:solidFill>
                          <a:effectLst/>
                        </a:rPr>
                        <a:t>6-year</a:t>
                      </a:r>
                      <a:endParaRPr lang="en-US" sz="1100" b="1"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accent1"/>
                    </a:solidFill>
                  </a:tcPr>
                </a:tc>
                <a:tc>
                  <a:txBody>
                    <a:bodyPr/>
                    <a:lstStyle/>
                    <a:p>
                      <a:pPr algn="ctr" fontAlgn="b"/>
                      <a:r>
                        <a:rPr lang="en-US" sz="1100" b="1" u="none" strike="noStrike">
                          <a:solidFill>
                            <a:schemeClr val="bg1"/>
                          </a:solidFill>
                          <a:effectLst/>
                        </a:rPr>
                        <a:t>7-year</a:t>
                      </a:r>
                      <a:endParaRPr lang="en-US" sz="1100" b="1"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accent1"/>
                    </a:solidFill>
                  </a:tcPr>
                </a:tc>
                <a:extLst>
                  <a:ext uri="{0D108BD9-81ED-4DB2-BD59-A6C34878D82A}">
                    <a16:rowId xmlns:a16="http://schemas.microsoft.com/office/drawing/2014/main" val="354205716"/>
                  </a:ext>
                </a:extLst>
              </a:tr>
              <a:tr h="563919">
                <a:tc>
                  <a:txBody>
                    <a:bodyPr/>
                    <a:lstStyle/>
                    <a:p>
                      <a:pPr algn="ctr" fontAlgn="b"/>
                      <a:r>
                        <a:rPr lang="en-US" sz="1100" u="none" strike="noStrike">
                          <a:effectLst/>
                        </a:rPr>
                        <a:t>Swap 1m LIBOR to fixed</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b"/>
                      <a:r>
                        <a:rPr lang="en-US" sz="1100" u="none" strike="noStrike">
                          <a:effectLst/>
                        </a:rPr>
                        <a:t>2.85%</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u="none" strike="noStrike">
                          <a:effectLst/>
                        </a:rPr>
                        <a:t>2.91%</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u="none" strike="noStrike">
                          <a:effectLst/>
                        </a:rPr>
                        <a:t>2.90%</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u="none" strike="noStrike">
                          <a:effectLst/>
                        </a:rPr>
                        <a:t>2.89%</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u="none" strike="noStrike">
                          <a:effectLst/>
                        </a:rPr>
                        <a:t>2.88%</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u="none" strike="noStrike">
                          <a:effectLst/>
                        </a:rPr>
                        <a:t>2.89%</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66283506"/>
                  </a:ext>
                </a:extLst>
              </a:tr>
              <a:tr h="563919">
                <a:tc>
                  <a:txBody>
                    <a:bodyPr/>
                    <a:lstStyle/>
                    <a:p>
                      <a:pPr algn="ctr" fontAlgn="b"/>
                      <a:r>
                        <a:rPr lang="en-US" sz="1100" u="none" strike="noStrike">
                          <a:effectLst/>
                        </a:rPr>
                        <a:t>Swap 1m Term SOFR to fixed</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b"/>
                      <a:r>
                        <a:rPr lang="en-US" sz="1100" u="none" strike="noStrike">
                          <a:effectLst/>
                        </a:rPr>
                        <a:t>2.71%</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u="none" strike="noStrike">
                          <a:effectLst/>
                        </a:rPr>
                        <a:t>2.78%</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u="none" strike="noStrike">
                          <a:effectLst/>
                        </a:rPr>
                        <a:t>2.78%</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u="none" strike="noStrike">
                          <a:effectLst/>
                        </a:rPr>
                        <a:t>2.76%</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u="none" strike="noStrike">
                          <a:effectLst/>
                        </a:rPr>
                        <a:t>2.76%</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u="none" strike="noStrike">
                          <a:effectLst/>
                        </a:rPr>
                        <a:t>2.76%</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4023869877"/>
                  </a:ext>
                </a:extLst>
              </a:tr>
            </a:tbl>
          </a:graphicData>
        </a:graphic>
      </p:graphicFrame>
      <p:sp>
        <p:nvSpPr>
          <p:cNvPr id="18" name="Rectangle 17">
            <a:extLst>
              <a:ext uri="{FF2B5EF4-FFF2-40B4-BE49-F238E27FC236}">
                <a16:creationId xmlns:a16="http://schemas.microsoft.com/office/drawing/2014/main" id="{A97A8E4C-783F-46A0-869B-320478EB34D0}"/>
              </a:ext>
            </a:extLst>
          </p:cNvPr>
          <p:cNvSpPr/>
          <p:nvPr/>
        </p:nvSpPr>
        <p:spPr>
          <a:xfrm>
            <a:off x="762000" y="1540382"/>
            <a:ext cx="3197199" cy="342210"/>
          </a:xfrm>
          <a:prstGeom prst="rect">
            <a:avLst/>
          </a:prstGeom>
          <a:solidFill>
            <a:schemeClr val="bg1"/>
          </a:solidFill>
        </p:spPr>
        <p:txBody>
          <a:bodyPr wrap="square" anchor="ctr">
            <a:spAutoFit/>
          </a:bodyPr>
          <a:lstStyle/>
          <a:p>
            <a:pPr marL="0" marR="0" lvl="0" indent="0"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Swap rate indications </a:t>
            </a:r>
          </a:p>
        </p:txBody>
      </p:sp>
      <p:sp>
        <p:nvSpPr>
          <p:cNvPr id="19" name="Content Placeholder 7">
            <a:extLst>
              <a:ext uri="{FF2B5EF4-FFF2-40B4-BE49-F238E27FC236}">
                <a16:creationId xmlns:a16="http://schemas.microsoft.com/office/drawing/2014/main" id="{A0BA4210-881F-454F-9ECF-7C450FE9252C}"/>
              </a:ext>
            </a:extLst>
          </p:cNvPr>
          <p:cNvSpPr txBox="1">
            <a:spLocks/>
          </p:cNvSpPr>
          <p:nvPr/>
        </p:nvSpPr>
        <p:spPr>
          <a:xfrm>
            <a:off x="3832117" y="3689885"/>
            <a:ext cx="1811036" cy="162221"/>
          </a:xfrm>
          <a:prstGeom prst="rect">
            <a:avLst/>
          </a:prstGeom>
        </p:spPr>
        <p:txBody>
          <a:bodyPr vert="horz" lIns="0" tIns="0" rIns="0" bIns="0" rtlCol="0">
            <a:noAutofit/>
          </a:bodyPr>
          <a:lstStyle>
            <a:lvl1pPr marL="6879" indent="0" algn="l" defTabSz="990564" rtl="0" eaLnBrk="1" latinLnBrk="0" hangingPunct="1">
              <a:lnSpc>
                <a:spcPct val="110000"/>
              </a:lnSpc>
              <a:spcBef>
                <a:spcPts val="0"/>
              </a:spcBef>
              <a:spcAft>
                <a:spcPts val="433"/>
              </a:spcAft>
              <a:buFont typeface="Arial" panose="020B0604020202020204" pitchFamily="34" charset="0"/>
              <a:buNone/>
              <a:tabLst/>
              <a:defRPr sz="1517" kern="1200">
                <a:solidFill>
                  <a:schemeClr val="tx1"/>
                </a:solidFill>
                <a:latin typeface="+mn-lt"/>
                <a:ea typeface="+mn-ea"/>
                <a:cs typeface="+mn-cs"/>
              </a:defRPr>
            </a:lvl1pPr>
            <a:lvl2pPr marL="373182" indent="-184012" algn="l" defTabSz="990564" rtl="0" eaLnBrk="1" latinLnBrk="0" hangingPunct="1">
              <a:lnSpc>
                <a:spcPct val="110000"/>
              </a:lnSpc>
              <a:spcBef>
                <a:spcPts val="0"/>
              </a:spcBef>
              <a:spcAft>
                <a:spcPts val="433"/>
              </a:spcAft>
              <a:buFont typeface="Courier New" panose="02070309020205020404" pitchFamily="49" charset="0"/>
              <a:buChar char="o"/>
              <a:tabLst/>
              <a:defRPr sz="1300" kern="1200">
                <a:solidFill>
                  <a:schemeClr val="tx1"/>
                </a:solidFill>
                <a:latin typeface="+mn-lt"/>
                <a:ea typeface="+mn-ea"/>
                <a:cs typeface="+mn-cs"/>
              </a:defRPr>
            </a:lvl2pPr>
            <a:lvl3pPr marL="562352" indent="-189170" algn="l" defTabSz="990564" rtl="0" eaLnBrk="1" latinLnBrk="0" hangingPunct="1">
              <a:lnSpc>
                <a:spcPct val="110000"/>
              </a:lnSpc>
              <a:spcBef>
                <a:spcPts val="0"/>
              </a:spcBef>
              <a:spcAft>
                <a:spcPts val="433"/>
              </a:spcAft>
              <a:buFont typeface="Calibri" panose="020F0502020204030204" pitchFamily="34" charset="0"/>
              <a:buChar char="–"/>
              <a:tabLst/>
              <a:defRPr sz="1300" kern="1200">
                <a:solidFill>
                  <a:schemeClr val="tx1"/>
                </a:solidFill>
                <a:latin typeface="+mn-lt"/>
                <a:ea typeface="+mn-ea"/>
                <a:cs typeface="+mn-cs"/>
              </a:defRPr>
            </a:lvl3pPr>
            <a:lvl4pPr marL="746362" indent="-184012" algn="l" defTabSz="990564" rtl="0" eaLnBrk="1" latinLnBrk="0" hangingPunct="1">
              <a:lnSpc>
                <a:spcPct val="110000"/>
              </a:lnSpc>
              <a:spcBef>
                <a:spcPts val="0"/>
              </a:spcBef>
              <a:spcAft>
                <a:spcPts val="433"/>
              </a:spcAft>
              <a:buFont typeface="Arial" panose="020B0604020202020204" pitchFamily="34" charset="0"/>
              <a:buChar char="•"/>
              <a:tabLst/>
              <a:defRPr sz="1083" kern="1200">
                <a:solidFill>
                  <a:schemeClr val="tx1"/>
                </a:solidFill>
                <a:latin typeface="+mn-lt"/>
                <a:ea typeface="+mn-ea"/>
                <a:cs typeface="+mn-cs"/>
              </a:defRPr>
            </a:lvl4pPr>
            <a:lvl5pPr marL="930374" indent="-182291" algn="l" defTabSz="990564" rtl="0" eaLnBrk="1" latinLnBrk="0" hangingPunct="1">
              <a:lnSpc>
                <a:spcPct val="110000"/>
              </a:lnSpc>
              <a:spcBef>
                <a:spcPts val="0"/>
              </a:spcBef>
              <a:spcAft>
                <a:spcPts val="433"/>
              </a:spcAft>
              <a:buFont typeface="Courier New" panose="02070309020205020404" pitchFamily="49" charset="0"/>
              <a:buChar char="o"/>
              <a:tabLst/>
              <a:defRPr sz="1083" kern="1200">
                <a:solidFill>
                  <a:schemeClr val="tx1"/>
                </a:solidFill>
                <a:latin typeface="+mn-lt"/>
                <a:ea typeface="+mn-ea"/>
                <a:cs typeface="+mn-cs"/>
              </a:defRPr>
            </a:lvl5pPr>
            <a:lvl6pPr marL="2724050"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6pPr>
            <a:lvl7pPr marL="3219333"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7pPr>
            <a:lvl8pPr marL="3714614"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8pPr>
            <a:lvl9pPr marL="4209896"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9pPr>
          </a:lstStyle>
          <a:p>
            <a:pPr algn="r"/>
            <a:r>
              <a:rPr lang="en-US" sz="900" i="1"/>
              <a:t>Rates data as of May 5, 2022</a:t>
            </a:r>
          </a:p>
          <a:p>
            <a:pPr algn="r"/>
            <a:endParaRPr lang="en-US" sz="900" b="1" i="1">
              <a:solidFill>
                <a:schemeClr val="accent2"/>
              </a:solidFill>
            </a:endParaRPr>
          </a:p>
        </p:txBody>
      </p:sp>
    </p:spTree>
    <p:extLst>
      <p:ext uri="{BB962C8B-B14F-4D97-AF65-F5344CB8AC3E}">
        <p14:creationId xmlns:p14="http://schemas.microsoft.com/office/powerpoint/2010/main" val="420036495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813C75-DD40-4CEA-AC74-50B70E49AAA7}"/>
              </a:ext>
            </a:extLst>
          </p:cNvPr>
          <p:cNvSpPr>
            <a:spLocks noGrp="1"/>
          </p:cNvSpPr>
          <p:nvPr>
            <p:ph type="title"/>
          </p:nvPr>
        </p:nvSpPr>
        <p:spPr/>
        <p:txBody>
          <a:bodyPr/>
          <a:lstStyle/>
          <a:p>
            <a:r>
              <a:rPr lang="en-US"/>
              <a:t>Interest rate caps</a:t>
            </a:r>
          </a:p>
        </p:txBody>
      </p:sp>
      <p:sp>
        <p:nvSpPr>
          <p:cNvPr id="4" name="Slide Number Placeholder 3">
            <a:extLst>
              <a:ext uri="{FF2B5EF4-FFF2-40B4-BE49-F238E27FC236}">
                <a16:creationId xmlns:a16="http://schemas.microsoft.com/office/drawing/2014/main" id="{6F562347-7A90-4138-A5ED-05CCB2D410D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14</a:t>
            </a:fld>
            <a:endParaRPr lang="en-US">
              <a:solidFill>
                <a:srgbClr val="1F2322"/>
              </a:solidFill>
            </a:endParaRPr>
          </a:p>
        </p:txBody>
      </p:sp>
      <p:sp>
        <p:nvSpPr>
          <p:cNvPr id="5" name="Text Placeholder 4">
            <a:extLst>
              <a:ext uri="{FF2B5EF4-FFF2-40B4-BE49-F238E27FC236}">
                <a16:creationId xmlns:a16="http://schemas.microsoft.com/office/drawing/2014/main" id="{E65D862A-FF32-42A7-8A30-73A76BDE1A1E}"/>
              </a:ext>
            </a:extLst>
          </p:cNvPr>
          <p:cNvSpPr>
            <a:spLocks noGrp="1"/>
          </p:cNvSpPr>
          <p:nvPr>
            <p:ph type="body" sz="quarter" idx="11"/>
          </p:nvPr>
        </p:nvSpPr>
        <p:spPr/>
        <p:txBody>
          <a:bodyPr/>
          <a:lstStyle/>
          <a:p>
            <a:r>
              <a:rPr lang="en-US"/>
              <a:t>Pay a premium to preserve upside</a:t>
            </a:r>
          </a:p>
        </p:txBody>
      </p:sp>
      <p:sp>
        <p:nvSpPr>
          <p:cNvPr id="31" name="TextBox 30">
            <a:extLst>
              <a:ext uri="{FF2B5EF4-FFF2-40B4-BE49-F238E27FC236}">
                <a16:creationId xmlns:a16="http://schemas.microsoft.com/office/drawing/2014/main" id="{C5C9E7C1-B07F-4063-A096-ACBB2D25310A}"/>
              </a:ext>
            </a:extLst>
          </p:cNvPr>
          <p:cNvSpPr txBox="1"/>
          <p:nvPr/>
        </p:nvSpPr>
        <p:spPr>
          <a:xfrm>
            <a:off x="762000" y="2087627"/>
            <a:ext cx="3087189" cy="978902"/>
          </a:xfrm>
          <a:prstGeom prst="rect">
            <a:avLst/>
          </a:prstGeom>
          <a:noFill/>
          <a:ln>
            <a:solidFill>
              <a:schemeClr val="accent1"/>
            </a:solidFill>
          </a:ln>
        </p:spPr>
        <p:txBody>
          <a:bodyPr wrap="square" lIns="0" tIns="0" rIns="0" bIns="0" rtlCol="0">
            <a:noAutofit/>
          </a:bodyPr>
          <a:lstStyle/>
          <a:p>
            <a:pPr marL="388620" lvl="0" indent="-285750" defTabSz="914400">
              <a:spcAft>
                <a:spcPts val="300"/>
              </a:spcAft>
              <a:buFont typeface="Arial" panose="020B0604020202020204" pitchFamily="34" charset="0"/>
              <a:buChar char="•"/>
              <a:tabLst>
                <a:tab pos="114300" algn="l"/>
              </a:tabLst>
              <a:defRPr/>
            </a:pPr>
            <a:endParaRPr lang="en-US" sz="300">
              <a:solidFill>
                <a:srgbClr val="000000"/>
              </a:solidFill>
              <a:ea typeface="Verdana" panose="020B0604030504040204" pitchFamily="34" charset="0"/>
            </a:endParaRPr>
          </a:p>
          <a:p>
            <a:pPr marL="388620" lvl="0" indent="-285750" defTabSz="914400">
              <a:spcAft>
                <a:spcPts val="300"/>
              </a:spcAft>
              <a:buFont typeface="Arial" panose="020B0604020202020204" pitchFamily="34" charset="0"/>
              <a:buChar char="•"/>
              <a:tabLst>
                <a:tab pos="114300" algn="l"/>
              </a:tabLst>
              <a:defRPr/>
            </a:pPr>
            <a:r>
              <a:rPr lang="en-US" sz="1400">
                <a:solidFill>
                  <a:srgbClr val="000000"/>
                </a:solidFill>
                <a:ea typeface="Verdana" panose="020B0604030504040204" pitchFamily="34" charset="0"/>
              </a:rPr>
              <a:t>Effectively “caps” (or puts a ceiling on) floating interest rate payments.</a:t>
            </a:r>
          </a:p>
        </p:txBody>
      </p:sp>
      <p:sp>
        <p:nvSpPr>
          <p:cNvPr id="33" name="Rectangle 32">
            <a:extLst>
              <a:ext uri="{FF2B5EF4-FFF2-40B4-BE49-F238E27FC236}">
                <a16:creationId xmlns:a16="http://schemas.microsoft.com/office/drawing/2014/main" id="{E665EE88-3088-444C-94DE-E46249676CF6}"/>
              </a:ext>
            </a:extLst>
          </p:cNvPr>
          <p:cNvSpPr/>
          <p:nvPr/>
        </p:nvSpPr>
        <p:spPr>
          <a:xfrm>
            <a:off x="762000" y="1752804"/>
            <a:ext cx="3087189" cy="342210"/>
          </a:xfrm>
          <a:prstGeom prst="rect">
            <a:avLst/>
          </a:prstGeom>
          <a:solidFill>
            <a:schemeClr val="accent1"/>
          </a:solidFill>
          <a:ln>
            <a:solidFill>
              <a:schemeClr val="tx2"/>
            </a:solidFill>
          </a:ln>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solidFill>
                  <a:schemeClr val="bg1"/>
                </a:solidFill>
                <a:effectLst/>
                <a:uLnTx/>
                <a:uFillTx/>
                <a:latin typeface="Calibri" panose="020F0502020204030204"/>
                <a:ea typeface="Verdana" panose="020B0604030504040204" pitchFamily="34" charset="0"/>
                <a:cs typeface="+mn-cs"/>
              </a:rPr>
              <a:t>Purpose</a:t>
            </a:r>
          </a:p>
        </p:txBody>
      </p:sp>
      <p:sp>
        <p:nvSpPr>
          <p:cNvPr id="35" name="TextBox 34">
            <a:extLst>
              <a:ext uri="{FF2B5EF4-FFF2-40B4-BE49-F238E27FC236}">
                <a16:creationId xmlns:a16="http://schemas.microsoft.com/office/drawing/2014/main" id="{7B607A24-B929-408A-9E01-A3FABE594087}"/>
              </a:ext>
            </a:extLst>
          </p:cNvPr>
          <p:cNvSpPr txBox="1"/>
          <p:nvPr/>
        </p:nvSpPr>
        <p:spPr>
          <a:xfrm>
            <a:off x="4353848" y="2089743"/>
            <a:ext cx="3087190" cy="978903"/>
          </a:xfrm>
          <a:prstGeom prst="rect">
            <a:avLst/>
          </a:prstGeom>
          <a:noFill/>
          <a:ln>
            <a:solidFill>
              <a:schemeClr val="accent2"/>
            </a:solidFill>
          </a:ln>
        </p:spPr>
        <p:txBody>
          <a:bodyPr wrap="square" lIns="0" tIns="0" rIns="0" bIns="0" rtlCol="0">
            <a:noAutofit/>
          </a:bodyPr>
          <a:lstStyle/>
          <a:p>
            <a:pPr marL="388620" lvl="0" indent="-285750" defTabSz="914400">
              <a:spcAft>
                <a:spcPts val="300"/>
              </a:spcAft>
              <a:buFont typeface="Arial" panose="020B0604020202020204" pitchFamily="34" charset="0"/>
              <a:buChar char="•"/>
              <a:tabLst>
                <a:tab pos="114300" algn="l"/>
              </a:tabLst>
              <a:defRPr/>
            </a:pPr>
            <a:endParaRPr lang="en-US" sz="300">
              <a:solidFill>
                <a:srgbClr val="000000"/>
              </a:solidFill>
              <a:ea typeface="Verdana" panose="020B0604030504040204" pitchFamily="34" charset="0"/>
            </a:endParaRPr>
          </a:p>
          <a:p>
            <a:pPr marL="388620" lvl="0" indent="-285750" defTabSz="914400">
              <a:spcAft>
                <a:spcPts val="300"/>
              </a:spcAft>
              <a:buFont typeface="Arial" panose="020B0604020202020204" pitchFamily="34" charset="0"/>
              <a:buChar char="•"/>
              <a:tabLst>
                <a:tab pos="114300" algn="l"/>
              </a:tabLst>
              <a:defRPr/>
            </a:pPr>
            <a:r>
              <a:rPr lang="en-US" sz="1400">
                <a:solidFill>
                  <a:srgbClr val="000000"/>
                </a:solidFill>
                <a:ea typeface="Verdana" panose="020B0604030504040204" pitchFamily="34" charset="0"/>
              </a:rPr>
              <a:t>Term, notional, interest periods, strike rate.</a:t>
            </a:r>
          </a:p>
        </p:txBody>
      </p:sp>
      <p:sp>
        <p:nvSpPr>
          <p:cNvPr id="37" name="Rectangle 36">
            <a:extLst>
              <a:ext uri="{FF2B5EF4-FFF2-40B4-BE49-F238E27FC236}">
                <a16:creationId xmlns:a16="http://schemas.microsoft.com/office/drawing/2014/main" id="{699B04EC-CB79-4068-BFD0-CFF063373663}"/>
              </a:ext>
            </a:extLst>
          </p:cNvPr>
          <p:cNvSpPr/>
          <p:nvPr/>
        </p:nvSpPr>
        <p:spPr>
          <a:xfrm>
            <a:off x="4353849" y="1752803"/>
            <a:ext cx="3087188" cy="342210"/>
          </a:xfrm>
          <a:prstGeom prst="rect">
            <a:avLst/>
          </a:prstGeom>
          <a:solidFill>
            <a:schemeClr val="accent2"/>
          </a:solidFill>
          <a:ln>
            <a:solidFill>
              <a:schemeClr val="accent2"/>
            </a:solidFill>
          </a:ln>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solidFill>
                  <a:schemeClr val="bg1"/>
                </a:solidFill>
                <a:effectLst/>
                <a:uLnTx/>
                <a:uFillTx/>
                <a:latin typeface="Calibri" panose="020F0502020204030204"/>
                <a:ea typeface="Verdana" panose="020B0604030504040204" pitchFamily="34" charset="0"/>
                <a:cs typeface="+mn-cs"/>
              </a:rPr>
              <a:t>Key economics</a:t>
            </a:r>
          </a:p>
        </p:txBody>
      </p:sp>
      <p:sp>
        <p:nvSpPr>
          <p:cNvPr id="40" name="TextBox 39">
            <a:extLst>
              <a:ext uri="{FF2B5EF4-FFF2-40B4-BE49-F238E27FC236}">
                <a16:creationId xmlns:a16="http://schemas.microsoft.com/office/drawing/2014/main" id="{9BBB6D0C-0348-4191-9009-295B4EF5D78F}"/>
              </a:ext>
            </a:extLst>
          </p:cNvPr>
          <p:cNvSpPr txBox="1"/>
          <p:nvPr/>
        </p:nvSpPr>
        <p:spPr>
          <a:xfrm>
            <a:off x="7777192" y="2087627"/>
            <a:ext cx="3087188" cy="981020"/>
          </a:xfrm>
          <a:prstGeom prst="rect">
            <a:avLst/>
          </a:prstGeom>
          <a:noFill/>
          <a:ln>
            <a:solidFill>
              <a:schemeClr val="accent6"/>
            </a:solidFill>
          </a:ln>
        </p:spPr>
        <p:txBody>
          <a:bodyPr wrap="square" lIns="0" tIns="0" rIns="0" bIns="0" rtlCol="0">
            <a:no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altLang="en-US" sz="300"/>
          </a:p>
          <a:p>
            <a:pPr marL="287338" marR="0" lvl="0" indent="-233363"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tLang="en-US" sz="1400"/>
              <a:t>Cap purchaser pays an upfront premium.</a:t>
            </a:r>
          </a:p>
          <a:p>
            <a:pPr marL="287338" marR="0" lvl="0" indent="-233363"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tLang="en-US" sz="1400"/>
              <a:t>Each “caplet” generates a payout if the index exceeds the strike rate.</a:t>
            </a:r>
          </a:p>
        </p:txBody>
      </p:sp>
      <p:sp>
        <p:nvSpPr>
          <p:cNvPr id="42" name="Rectangle 41">
            <a:extLst>
              <a:ext uri="{FF2B5EF4-FFF2-40B4-BE49-F238E27FC236}">
                <a16:creationId xmlns:a16="http://schemas.microsoft.com/office/drawing/2014/main" id="{1CBBE8FA-33E9-46CD-A593-9BA80976DB9C}"/>
              </a:ext>
            </a:extLst>
          </p:cNvPr>
          <p:cNvSpPr/>
          <p:nvPr/>
        </p:nvSpPr>
        <p:spPr>
          <a:xfrm>
            <a:off x="7777191" y="1767602"/>
            <a:ext cx="3087188" cy="342210"/>
          </a:xfrm>
          <a:prstGeom prst="rect">
            <a:avLst/>
          </a:prstGeom>
          <a:solidFill>
            <a:schemeClr val="accent6"/>
          </a:solidFill>
          <a:ln>
            <a:solidFill>
              <a:schemeClr val="accent6"/>
            </a:solidFill>
          </a:ln>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solidFill>
                  <a:schemeClr val="bg1"/>
                </a:solidFill>
                <a:effectLst/>
                <a:uLnTx/>
                <a:uFillTx/>
                <a:latin typeface="Calibri" panose="020F0502020204030204"/>
                <a:ea typeface="Verdana" panose="020B0604030504040204" pitchFamily="34" charset="0"/>
                <a:cs typeface="+mn-cs"/>
              </a:rPr>
              <a:t>Cash flows</a:t>
            </a:r>
          </a:p>
        </p:txBody>
      </p:sp>
      <p:sp>
        <p:nvSpPr>
          <p:cNvPr id="53" name="Rechteck 29">
            <a:extLst>
              <a:ext uri="{FF2B5EF4-FFF2-40B4-BE49-F238E27FC236}">
                <a16:creationId xmlns:a16="http://schemas.microsoft.com/office/drawing/2014/main" id="{6E2E3FE2-5553-48BA-8172-9522E6080423}"/>
              </a:ext>
            </a:extLst>
          </p:cNvPr>
          <p:cNvSpPr>
            <a:spLocks noChangeArrowheads="1"/>
          </p:cNvSpPr>
          <p:nvPr/>
        </p:nvSpPr>
        <p:spPr bwMode="gray">
          <a:xfrm>
            <a:off x="1645156" y="4043112"/>
            <a:ext cx="1272591" cy="1076688"/>
          </a:xfrm>
          <a:prstGeom prst="rect">
            <a:avLst/>
          </a:prstGeom>
          <a:solidFill>
            <a:schemeClr val="bg2"/>
          </a:solidFill>
          <a:ln w="95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tIns="91440" rtlCol="0" anchor="t"/>
          <a:lstStyle/>
          <a:p>
            <a:pPr algn="ctr" defTabSz="457200">
              <a:defRPr/>
            </a:pPr>
            <a:r>
              <a:rPr kumimoji="0" lang="en-US" sz="1200" b="0" i="0" u="none" strike="noStrike" kern="1200" cap="none" spc="0" normalizeH="0" baseline="0" noProof="0">
                <a:ln>
                  <a:noFill/>
                </a:ln>
                <a:solidFill>
                  <a:srgbClr val="242424"/>
                </a:solidFill>
                <a:effectLst/>
                <a:uLnTx/>
                <a:uFillTx/>
                <a:latin typeface="Calibri" panose="020F0502020204030204"/>
                <a:ea typeface="+mn-ea"/>
                <a:cs typeface="+mn-cs"/>
              </a:rPr>
              <a:t>Hedge provider</a:t>
            </a:r>
          </a:p>
        </p:txBody>
      </p:sp>
      <p:grpSp>
        <p:nvGrpSpPr>
          <p:cNvPr id="54" name="Group 53">
            <a:extLst>
              <a:ext uri="{FF2B5EF4-FFF2-40B4-BE49-F238E27FC236}">
                <a16:creationId xmlns:a16="http://schemas.microsoft.com/office/drawing/2014/main" id="{A36BD803-76A7-44BB-8B86-3CB056639B7C}"/>
              </a:ext>
            </a:extLst>
          </p:cNvPr>
          <p:cNvGrpSpPr/>
          <p:nvPr/>
        </p:nvGrpSpPr>
        <p:grpSpPr>
          <a:xfrm>
            <a:off x="3659889" y="5319808"/>
            <a:ext cx="4825754" cy="261447"/>
            <a:chOff x="1616129" y="2967447"/>
            <a:chExt cx="3150320" cy="261447"/>
          </a:xfrm>
        </p:grpSpPr>
        <p:sp>
          <p:nvSpPr>
            <p:cNvPr id="55" name="TextBox 54">
              <a:extLst>
                <a:ext uri="{FF2B5EF4-FFF2-40B4-BE49-F238E27FC236}">
                  <a16:creationId xmlns:a16="http://schemas.microsoft.com/office/drawing/2014/main" id="{8C712069-A52D-47E4-AD3E-2F25CCEAA4A8}"/>
                </a:ext>
              </a:extLst>
            </p:cNvPr>
            <p:cNvSpPr txBox="1"/>
            <p:nvPr/>
          </p:nvSpPr>
          <p:spPr>
            <a:xfrm>
              <a:off x="1616129" y="2967447"/>
              <a:ext cx="603420" cy="256368"/>
            </a:xfrm>
            <a:prstGeom prst="rect">
              <a:avLst/>
            </a:prstGeom>
            <a:noFill/>
          </p:spPr>
          <p:txBody>
            <a:bodyPr wrap="square" lIns="0" tIns="0" rIns="0" bIns="0" rtlCol="0" anchor="ctr">
              <a:noAutofit/>
            </a:bodyPr>
            <a:lstStyle/>
            <a:p>
              <a:pPr algn="ctr"/>
              <a:r>
                <a:rPr lang="en-US" sz="1400" b="1">
                  <a:solidFill>
                    <a:srgbClr val="002060"/>
                  </a:solidFill>
                </a:rPr>
                <a:t>Cap</a:t>
              </a:r>
            </a:p>
          </p:txBody>
        </p:sp>
        <p:sp>
          <p:nvSpPr>
            <p:cNvPr id="56" name="TextBox 55">
              <a:extLst>
                <a:ext uri="{FF2B5EF4-FFF2-40B4-BE49-F238E27FC236}">
                  <a16:creationId xmlns:a16="http://schemas.microsoft.com/office/drawing/2014/main" id="{7659D63D-9C33-4DBF-9351-FC817A90C4DA}"/>
                </a:ext>
              </a:extLst>
            </p:cNvPr>
            <p:cNvSpPr txBox="1"/>
            <p:nvPr/>
          </p:nvSpPr>
          <p:spPr>
            <a:xfrm>
              <a:off x="4163029" y="2972526"/>
              <a:ext cx="603420" cy="256368"/>
            </a:xfrm>
            <a:prstGeom prst="rect">
              <a:avLst/>
            </a:prstGeom>
            <a:noFill/>
          </p:spPr>
          <p:txBody>
            <a:bodyPr wrap="square" lIns="0" tIns="0" rIns="0" bIns="0" rtlCol="0" anchor="ctr">
              <a:noAutofit/>
            </a:bodyPr>
            <a:lstStyle/>
            <a:p>
              <a:pPr algn="ctr"/>
              <a:r>
                <a:rPr lang="en-US" sz="1400" b="1">
                  <a:solidFill>
                    <a:srgbClr val="002060"/>
                  </a:solidFill>
                </a:rPr>
                <a:t>Loan</a:t>
              </a:r>
            </a:p>
          </p:txBody>
        </p:sp>
      </p:grpSp>
      <p:sp>
        <p:nvSpPr>
          <p:cNvPr id="57" name="Right Brace 56">
            <a:extLst>
              <a:ext uri="{FF2B5EF4-FFF2-40B4-BE49-F238E27FC236}">
                <a16:creationId xmlns:a16="http://schemas.microsoft.com/office/drawing/2014/main" id="{908C603B-49A9-4E9F-9A36-A35D30033EA1}"/>
              </a:ext>
            </a:extLst>
          </p:cNvPr>
          <p:cNvSpPr/>
          <p:nvPr/>
        </p:nvSpPr>
        <p:spPr>
          <a:xfrm rot="5400000">
            <a:off x="4010676" y="4342011"/>
            <a:ext cx="188184" cy="1677178"/>
          </a:xfrm>
          <a:prstGeom prst="rightBrace">
            <a:avLst/>
          </a:prstGeom>
          <a:ln w="15875">
            <a:solidFill>
              <a:schemeClr val="accent5"/>
            </a:solidFill>
            <a:prstDash val="sysDash"/>
            <a:tailEnd type="none" w="med" len="sm"/>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8" name="Right Brace 57">
            <a:extLst>
              <a:ext uri="{FF2B5EF4-FFF2-40B4-BE49-F238E27FC236}">
                <a16:creationId xmlns:a16="http://schemas.microsoft.com/office/drawing/2014/main" id="{8A47125A-5C30-4A23-9D00-B259DEB5743B}"/>
              </a:ext>
            </a:extLst>
          </p:cNvPr>
          <p:cNvSpPr/>
          <p:nvPr/>
        </p:nvSpPr>
        <p:spPr>
          <a:xfrm rot="5400000">
            <a:off x="7881996" y="4001256"/>
            <a:ext cx="165062" cy="2333416"/>
          </a:xfrm>
          <a:prstGeom prst="rightBrace">
            <a:avLst/>
          </a:prstGeom>
          <a:ln w="15875">
            <a:solidFill>
              <a:schemeClr val="accent5"/>
            </a:solidFill>
            <a:prstDash val="sysDash"/>
            <a:tailEnd type="none" w="med" len="sm"/>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59" name="Line 203">
            <a:extLst>
              <a:ext uri="{FF2B5EF4-FFF2-40B4-BE49-F238E27FC236}">
                <a16:creationId xmlns:a16="http://schemas.microsoft.com/office/drawing/2014/main" id="{B48EBE30-E06B-4AF5-8461-E344AE312FF9}"/>
              </a:ext>
            </a:extLst>
          </p:cNvPr>
          <p:cNvSpPr>
            <a:spLocks noChangeShapeType="1"/>
          </p:cNvSpPr>
          <p:nvPr/>
        </p:nvSpPr>
        <p:spPr bwMode="auto">
          <a:xfrm flipH="1" flipV="1">
            <a:off x="3113975" y="4258894"/>
            <a:ext cx="2011680" cy="3587"/>
          </a:xfrm>
          <a:prstGeom prst="line">
            <a:avLst/>
          </a:prstGeom>
          <a:noFill/>
          <a:ln w="28575" cap="rnd">
            <a:solidFill>
              <a:schemeClr val="tx2"/>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60" name="Line 203">
            <a:extLst>
              <a:ext uri="{FF2B5EF4-FFF2-40B4-BE49-F238E27FC236}">
                <a16:creationId xmlns:a16="http://schemas.microsoft.com/office/drawing/2014/main" id="{E5ED2678-2420-4870-8D67-9C952417EC1B}"/>
              </a:ext>
            </a:extLst>
          </p:cNvPr>
          <p:cNvSpPr>
            <a:spLocks noChangeShapeType="1"/>
          </p:cNvSpPr>
          <p:nvPr/>
        </p:nvSpPr>
        <p:spPr bwMode="auto">
          <a:xfrm flipV="1">
            <a:off x="3132478" y="4782261"/>
            <a:ext cx="2011680" cy="0"/>
          </a:xfrm>
          <a:prstGeom prst="line">
            <a:avLst/>
          </a:prstGeom>
          <a:noFill/>
          <a:ln w="28575" cap="rnd">
            <a:solidFill>
              <a:schemeClr val="accent6"/>
            </a:solidFill>
            <a:prstDash val="sysDash"/>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61" name="Oval 188">
            <a:extLst>
              <a:ext uri="{FF2B5EF4-FFF2-40B4-BE49-F238E27FC236}">
                <a16:creationId xmlns:a16="http://schemas.microsoft.com/office/drawing/2014/main" id="{F67B6ABD-2FE9-4540-8FBC-8C98D256C05A}"/>
              </a:ext>
            </a:extLst>
          </p:cNvPr>
          <p:cNvSpPr>
            <a:spLocks noChangeArrowheads="1"/>
          </p:cNvSpPr>
          <p:nvPr/>
        </p:nvSpPr>
        <p:spPr bwMode="auto">
          <a:xfrm>
            <a:off x="3517892" y="4123936"/>
            <a:ext cx="1301800" cy="276664"/>
          </a:xfrm>
          <a:prstGeom prst="rect">
            <a:avLst/>
          </a:prstGeom>
          <a:solidFill>
            <a:schemeClr val="tx2"/>
          </a:solidFill>
          <a:ln w="9525">
            <a:solidFill>
              <a:schemeClr val="tx2"/>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rPr>
              <a:t>Premium ($)</a:t>
            </a:r>
          </a:p>
        </p:txBody>
      </p:sp>
      <p:sp>
        <p:nvSpPr>
          <p:cNvPr id="62" name="Oval 188">
            <a:extLst>
              <a:ext uri="{FF2B5EF4-FFF2-40B4-BE49-F238E27FC236}">
                <a16:creationId xmlns:a16="http://schemas.microsoft.com/office/drawing/2014/main" id="{8FB741BF-0DE3-4811-BE76-2CB91F6668CA}"/>
              </a:ext>
            </a:extLst>
          </p:cNvPr>
          <p:cNvSpPr>
            <a:spLocks noChangeArrowheads="1"/>
          </p:cNvSpPr>
          <p:nvPr/>
        </p:nvSpPr>
        <p:spPr bwMode="auto">
          <a:xfrm>
            <a:off x="3451212" y="4615523"/>
            <a:ext cx="645260" cy="271800"/>
          </a:xfrm>
          <a:prstGeom prst="rect">
            <a:avLst/>
          </a:prstGeom>
          <a:solidFill>
            <a:schemeClr val="accent6"/>
          </a:solidFill>
          <a:ln w="9525">
            <a:solidFill>
              <a:schemeClr val="accent6"/>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rPr>
              <a:t>LIBOR</a:t>
            </a:r>
          </a:p>
        </p:txBody>
      </p:sp>
      <p:sp>
        <p:nvSpPr>
          <p:cNvPr id="63" name="Line 203">
            <a:extLst>
              <a:ext uri="{FF2B5EF4-FFF2-40B4-BE49-F238E27FC236}">
                <a16:creationId xmlns:a16="http://schemas.microsoft.com/office/drawing/2014/main" id="{4759EC17-D7B8-452D-AA0D-590D1F1A40C6}"/>
              </a:ext>
            </a:extLst>
          </p:cNvPr>
          <p:cNvSpPr>
            <a:spLocks noChangeShapeType="1"/>
          </p:cNvSpPr>
          <p:nvPr/>
        </p:nvSpPr>
        <p:spPr bwMode="auto">
          <a:xfrm>
            <a:off x="8532412" y="4414358"/>
            <a:ext cx="625496" cy="3588"/>
          </a:xfrm>
          <a:prstGeom prst="line">
            <a:avLst/>
          </a:prstGeom>
          <a:noFill/>
          <a:ln w="28575" cap="rnd">
            <a:solidFill>
              <a:srgbClr val="8D0E57"/>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64" name="Line 203">
            <a:extLst>
              <a:ext uri="{FF2B5EF4-FFF2-40B4-BE49-F238E27FC236}">
                <a16:creationId xmlns:a16="http://schemas.microsoft.com/office/drawing/2014/main" id="{B17ACBA5-0A97-4322-8BBC-E339D2833A76}"/>
              </a:ext>
            </a:extLst>
          </p:cNvPr>
          <p:cNvSpPr>
            <a:spLocks noChangeShapeType="1"/>
          </p:cNvSpPr>
          <p:nvPr/>
        </p:nvSpPr>
        <p:spPr bwMode="auto">
          <a:xfrm flipV="1">
            <a:off x="7376591" y="4414358"/>
            <a:ext cx="799211" cy="0"/>
          </a:xfrm>
          <a:prstGeom prst="line">
            <a:avLst/>
          </a:prstGeom>
          <a:noFill/>
          <a:ln w="28575" cap="rnd">
            <a:solidFill>
              <a:schemeClr val="accent6"/>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65" name="Oval 188">
            <a:extLst>
              <a:ext uri="{FF2B5EF4-FFF2-40B4-BE49-F238E27FC236}">
                <a16:creationId xmlns:a16="http://schemas.microsoft.com/office/drawing/2014/main" id="{B94F1CD6-6B25-448A-B7E7-5CACD9E4B1EE}"/>
              </a:ext>
            </a:extLst>
          </p:cNvPr>
          <p:cNvSpPr>
            <a:spLocks noChangeArrowheads="1"/>
          </p:cNvSpPr>
          <p:nvPr/>
        </p:nvSpPr>
        <p:spPr bwMode="auto">
          <a:xfrm>
            <a:off x="6797820" y="4272804"/>
            <a:ext cx="1194546" cy="271800"/>
          </a:xfrm>
          <a:prstGeom prst="rect">
            <a:avLst/>
          </a:prstGeom>
          <a:solidFill>
            <a:schemeClr val="accent6"/>
          </a:solidFill>
          <a:ln w="9525">
            <a:solidFill>
              <a:schemeClr val="accent6"/>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rPr>
              <a:t>Floating: LIBOR</a:t>
            </a:r>
          </a:p>
        </p:txBody>
      </p:sp>
      <p:sp>
        <p:nvSpPr>
          <p:cNvPr id="66" name="Oval 188">
            <a:extLst>
              <a:ext uri="{FF2B5EF4-FFF2-40B4-BE49-F238E27FC236}">
                <a16:creationId xmlns:a16="http://schemas.microsoft.com/office/drawing/2014/main" id="{069FB3C2-11A1-41C4-BA2A-ED29E1727B58}"/>
              </a:ext>
            </a:extLst>
          </p:cNvPr>
          <p:cNvSpPr>
            <a:spLocks noChangeArrowheads="1"/>
          </p:cNvSpPr>
          <p:nvPr/>
        </p:nvSpPr>
        <p:spPr bwMode="auto">
          <a:xfrm>
            <a:off x="8365628" y="4271215"/>
            <a:ext cx="551560" cy="276663"/>
          </a:xfrm>
          <a:prstGeom prst="rect">
            <a:avLst/>
          </a:prstGeom>
          <a:solidFill>
            <a:srgbClr val="8D0E57"/>
          </a:solidFill>
          <a:ln w="9525">
            <a:solidFill>
              <a:srgbClr val="8D0E57"/>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100">
                <a:solidFill>
                  <a:srgbClr val="FFFFFF"/>
                </a:solidFill>
                <a:latin typeface="Calibri" panose="020F0502020204030204"/>
              </a:rPr>
              <a:t>Spread</a:t>
            </a:r>
            <a:endPar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67" name="Cross 66">
            <a:extLst>
              <a:ext uri="{FF2B5EF4-FFF2-40B4-BE49-F238E27FC236}">
                <a16:creationId xmlns:a16="http://schemas.microsoft.com/office/drawing/2014/main" id="{BD8C44AB-D8BF-47A7-BC57-D633DDD5C669}"/>
              </a:ext>
            </a:extLst>
          </p:cNvPr>
          <p:cNvSpPr/>
          <p:nvPr/>
        </p:nvSpPr>
        <p:spPr>
          <a:xfrm>
            <a:off x="8195264" y="4378861"/>
            <a:ext cx="91440" cy="99882"/>
          </a:xfrm>
          <a:prstGeom prst="plus">
            <a:avLst>
              <a:gd name="adj" fmla="val 35494"/>
            </a:avLst>
          </a:prstGeom>
          <a:solidFill>
            <a:schemeClr val="accent6"/>
          </a:solid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100">
              <a:solidFill>
                <a:schemeClr val="tx1"/>
              </a:solidFill>
            </a:endParaRPr>
          </a:p>
        </p:txBody>
      </p:sp>
      <p:sp>
        <p:nvSpPr>
          <p:cNvPr id="68" name="Rechteck 29">
            <a:extLst>
              <a:ext uri="{FF2B5EF4-FFF2-40B4-BE49-F238E27FC236}">
                <a16:creationId xmlns:a16="http://schemas.microsoft.com/office/drawing/2014/main" id="{1A98CB07-D958-4359-AAAC-33DC755532A4}"/>
              </a:ext>
            </a:extLst>
          </p:cNvPr>
          <p:cNvSpPr>
            <a:spLocks noChangeArrowheads="1"/>
          </p:cNvSpPr>
          <p:nvPr/>
        </p:nvSpPr>
        <p:spPr bwMode="gray">
          <a:xfrm>
            <a:off x="9238655" y="4074010"/>
            <a:ext cx="1272591" cy="1080275"/>
          </a:xfrm>
          <a:prstGeom prst="rect">
            <a:avLst/>
          </a:prstGeom>
          <a:solidFill>
            <a:schemeClr val="bg2"/>
          </a:solidFill>
          <a:ln w="95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tIns="91440" rtlCol="0" anchor="t"/>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200">
                <a:solidFill>
                  <a:srgbClr val="242424"/>
                </a:solidFill>
                <a:latin typeface="Calibri" panose="020F0502020204030204"/>
              </a:rPr>
              <a:t>Lender</a:t>
            </a:r>
            <a:endParaRPr kumimoji="0" lang="en-US" sz="1200" b="0" i="0" u="none" strike="noStrike" kern="1200" cap="none" spc="0" normalizeH="0" baseline="0" noProof="0">
              <a:ln>
                <a:noFill/>
              </a:ln>
              <a:solidFill>
                <a:srgbClr val="242424"/>
              </a:solidFill>
              <a:effectLst/>
              <a:uLnTx/>
              <a:uFillTx/>
              <a:latin typeface="Calibri" panose="020F0502020204030204"/>
              <a:ea typeface="+mn-ea"/>
              <a:cs typeface="+mn-cs"/>
            </a:endParaRPr>
          </a:p>
        </p:txBody>
      </p:sp>
      <p:pic>
        <p:nvPicPr>
          <p:cNvPr id="69" name="Picture 68">
            <a:extLst>
              <a:ext uri="{FF2B5EF4-FFF2-40B4-BE49-F238E27FC236}">
                <a16:creationId xmlns:a16="http://schemas.microsoft.com/office/drawing/2014/main" id="{FCB9D943-B2B4-4AF2-A704-CE949C090258}"/>
              </a:ext>
            </a:extLst>
          </p:cNvPr>
          <p:cNvPicPr>
            <a:picLocks noChangeAspect="1"/>
          </p:cNvPicPr>
          <p:nvPr>
            <p:custDataLst>
              <p:tags r:id="rId1"/>
            </p:custDataLst>
          </p:nvPr>
        </p:nvPicPr>
        <p:blipFill rotWithShape="1">
          <a:blip r:embed="rId5"/>
          <a:srcRect/>
          <a:stretch/>
        </p:blipFill>
        <p:spPr>
          <a:xfrm>
            <a:off x="1773125" y="4166638"/>
            <a:ext cx="1013806" cy="1083863"/>
          </a:xfrm>
          <a:prstGeom prst="rect">
            <a:avLst/>
          </a:prstGeom>
        </p:spPr>
      </p:pic>
      <p:sp>
        <p:nvSpPr>
          <p:cNvPr id="70" name="Rechteck 29">
            <a:extLst>
              <a:ext uri="{FF2B5EF4-FFF2-40B4-BE49-F238E27FC236}">
                <a16:creationId xmlns:a16="http://schemas.microsoft.com/office/drawing/2014/main" id="{5C694325-C288-4638-A78B-67AF3EE436C2}"/>
              </a:ext>
            </a:extLst>
          </p:cNvPr>
          <p:cNvSpPr>
            <a:spLocks noChangeArrowheads="1"/>
          </p:cNvSpPr>
          <p:nvPr/>
        </p:nvSpPr>
        <p:spPr bwMode="gray">
          <a:xfrm>
            <a:off x="5316808" y="4074010"/>
            <a:ext cx="1272591" cy="1076688"/>
          </a:xfrm>
          <a:prstGeom prst="rect">
            <a:avLst/>
          </a:prstGeom>
          <a:solidFill>
            <a:schemeClr val="bg2"/>
          </a:solidFill>
          <a:ln w="95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tIns="91440" rtlCol="0" anchor="t"/>
          <a:lstStyle/>
          <a:p>
            <a:pPr algn="ctr" defTabSz="457200">
              <a:defRPr/>
            </a:pPr>
            <a:r>
              <a:rPr kumimoji="0" lang="en-US" sz="1200" b="0" i="0" u="none" strike="noStrike" kern="1200" cap="none" spc="0" normalizeH="0" baseline="0" noProof="0">
                <a:ln>
                  <a:noFill/>
                </a:ln>
                <a:solidFill>
                  <a:srgbClr val="242424"/>
                </a:solidFill>
                <a:effectLst/>
                <a:uLnTx/>
                <a:uFillTx/>
                <a:latin typeface="Calibri" panose="020F0502020204030204"/>
                <a:ea typeface="+mn-ea"/>
                <a:cs typeface="+mn-cs"/>
              </a:rPr>
              <a:t>Company</a:t>
            </a:r>
          </a:p>
        </p:txBody>
      </p:sp>
      <p:pic>
        <p:nvPicPr>
          <p:cNvPr id="71" name="Picture 70">
            <a:extLst>
              <a:ext uri="{FF2B5EF4-FFF2-40B4-BE49-F238E27FC236}">
                <a16:creationId xmlns:a16="http://schemas.microsoft.com/office/drawing/2014/main" id="{2E99E7F3-F829-42F7-8B92-CB5DE994056B}"/>
              </a:ext>
            </a:extLst>
          </p:cNvPr>
          <p:cNvPicPr>
            <a:picLocks noChangeAspect="1"/>
          </p:cNvPicPr>
          <p:nvPr>
            <p:custDataLst>
              <p:tags r:id="rId2"/>
            </p:custDataLst>
          </p:nvPr>
        </p:nvPicPr>
        <p:blipFill rotWithShape="1">
          <a:blip r:embed="rId6"/>
          <a:srcRect/>
          <a:stretch/>
        </p:blipFill>
        <p:spPr>
          <a:xfrm>
            <a:off x="5468174" y="4209492"/>
            <a:ext cx="1013806" cy="1083863"/>
          </a:xfrm>
          <a:prstGeom prst="rect">
            <a:avLst/>
          </a:prstGeom>
        </p:spPr>
      </p:pic>
      <p:pic>
        <p:nvPicPr>
          <p:cNvPr id="72" name="Picture 71">
            <a:extLst>
              <a:ext uri="{FF2B5EF4-FFF2-40B4-BE49-F238E27FC236}">
                <a16:creationId xmlns:a16="http://schemas.microsoft.com/office/drawing/2014/main" id="{B6650271-3571-4364-9AF2-D4B8E691F5EC}"/>
              </a:ext>
            </a:extLst>
          </p:cNvPr>
          <p:cNvPicPr>
            <a:picLocks noChangeAspect="1"/>
          </p:cNvPicPr>
          <p:nvPr>
            <p:custDataLst>
              <p:tags r:id="rId3"/>
            </p:custDataLst>
          </p:nvPr>
        </p:nvPicPr>
        <p:blipFill rotWithShape="1">
          <a:blip r:embed="rId7">
            <a:extLst>
              <a:ext uri="{28A0092B-C50C-407E-A947-70E740481C1C}">
                <a14:useLocalDpi xmlns:a14="http://schemas.microsoft.com/office/drawing/2010/main" val="0"/>
              </a:ext>
            </a:extLst>
          </a:blip>
          <a:srcRect/>
          <a:stretch/>
        </p:blipFill>
        <p:spPr>
          <a:xfrm>
            <a:off x="9379042" y="4208225"/>
            <a:ext cx="1035895" cy="1035895"/>
          </a:xfrm>
          <a:prstGeom prst="rect">
            <a:avLst/>
          </a:prstGeom>
        </p:spPr>
      </p:pic>
      <p:sp>
        <p:nvSpPr>
          <p:cNvPr id="74" name="Oval 188">
            <a:extLst>
              <a:ext uri="{FF2B5EF4-FFF2-40B4-BE49-F238E27FC236}">
                <a16:creationId xmlns:a16="http://schemas.microsoft.com/office/drawing/2014/main" id="{B959A955-1BA8-4ED6-9F3D-E6C4FA6C46EA}"/>
              </a:ext>
            </a:extLst>
          </p:cNvPr>
          <p:cNvSpPr>
            <a:spLocks noChangeArrowheads="1"/>
          </p:cNvSpPr>
          <p:nvPr/>
        </p:nvSpPr>
        <p:spPr bwMode="auto">
          <a:xfrm>
            <a:off x="4096472" y="4614919"/>
            <a:ext cx="723220" cy="276663"/>
          </a:xfrm>
          <a:prstGeom prst="rect">
            <a:avLst/>
          </a:prstGeom>
          <a:solidFill>
            <a:schemeClr val="accent2"/>
          </a:solidFill>
          <a:ln w="9525">
            <a:no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100">
                <a:solidFill>
                  <a:srgbClr val="FFFFFF"/>
                </a:solidFill>
                <a:latin typeface="Calibri" panose="020F0502020204030204"/>
              </a:rPr>
              <a:t>- cap strike</a:t>
            </a:r>
            <a:endPar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6814605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813C75-DD40-4CEA-AC74-50B70E49AAA7}"/>
              </a:ext>
            </a:extLst>
          </p:cNvPr>
          <p:cNvSpPr>
            <a:spLocks noGrp="1"/>
          </p:cNvSpPr>
          <p:nvPr>
            <p:ph type="title"/>
          </p:nvPr>
        </p:nvSpPr>
        <p:spPr/>
        <p:txBody>
          <a:bodyPr/>
          <a:lstStyle/>
          <a:p>
            <a:r>
              <a:rPr lang="en-US"/>
              <a:t>Interest rate caps</a:t>
            </a:r>
          </a:p>
        </p:txBody>
      </p:sp>
      <p:sp>
        <p:nvSpPr>
          <p:cNvPr id="4" name="Slide Number Placeholder 3">
            <a:extLst>
              <a:ext uri="{FF2B5EF4-FFF2-40B4-BE49-F238E27FC236}">
                <a16:creationId xmlns:a16="http://schemas.microsoft.com/office/drawing/2014/main" id="{6F562347-7A90-4138-A5ED-05CCB2D410D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15</a:t>
            </a:fld>
            <a:endParaRPr lang="en-US">
              <a:solidFill>
                <a:srgbClr val="1F2322"/>
              </a:solidFill>
            </a:endParaRPr>
          </a:p>
        </p:txBody>
      </p:sp>
      <p:sp>
        <p:nvSpPr>
          <p:cNvPr id="5" name="Text Placeholder 4">
            <a:extLst>
              <a:ext uri="{FF2B5EF4-FFF2-40B4-BE49-F238E27FC236}">
                <a16:creationId xmlns:a16="http://schemas.microsoft.com/office/drawing/2014/main" id="{E65D862A-FF32-42A7-8A30-73A76BDE1A1E}"/>
              </a:ext>
            </a:extLst>
          </p:cNvPr>
          <p:cNvSpPr>
            <a:spLocks noGrp="1"/>
          </p:cNvSpPr>
          <p:nvPr>
            <p:ph type="body" sz="quarter" idx="11"/>
          </p:nvPr>
        </p:nvSpPr>
        <p:spPr/>
        <p:txBody>
          <a:bodyPr/>
          <a:lstStyle/>
          <a:p>
            <a:r>
              <a:rPr lang="en-US"/>
              <a:t>Pay a premium to preserve upside</a:t>
            </a:r>
          </a:p>
        </p:txBody>
      </p:sp>
      <p:cxnSp>
        <p:nvCxnSpPr>
          <p:cNvPr id="6" name="Straight Arrow Connector 5">
            <a:extLst>
              <a:ext uri="{FF2B5EF4-FFF2-40B4-BE49-F238E27FC236}">
                <a16:creationId xmlns:a16="http://schemas.microsoft.com/office/drawing/2014/main" id="{CAA34721-866E-4B19-9A63-EFB3F3FFDC2A}"/>
              </a:ext>
            </a:extLst>
          </p:cNvPr>
          <p:cNvCxnSpPr>
            <a:cxnSpLocks/>
          </p:cNvCxnSpPr>
          <p:nvPr/>
        </p:nvCxnSpPr>
        <p:spPr>
          <a:xfrm>
            <a:off x="1107948" y="4811310"/>
            <a:ext cx="4466357" cy="0"/>
          </a:xfrm>
          <a:prstGeom prst="straightConnector1">
            <a:avLst/>
          </a:prstGeom>
          <a:ln w="19050">
            <a:solidFill>
              <a:schemeClr val="accent6"/>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Rectangle 6">
            <a:extLst>
              <a:ext uri="{FF2B5EF4-FFF2-40B4-BE49-F238E27FC236}">
                <a16:creationId xmlns:a16="http://schemas.microsoft.com/office/drawing/2014/main" id="{76D12270-8603-4489-8569-1E3F7ABBA3E5}"/>
              </a:ext>
            </a:extLst>
          </p:cNvPr>
          <p:cNvSpPr/>
          <p:nvPr/>
        </p:nvSpPr>
        <p:spPr>
          <a:xfrm>
            <a:off x="2763818" y="4640205"/>
            <a:ext cx="1154617" cy="342210"/>
          </a:xfrm>
          <a:prstGeom prst="rect">
            <a:avLst/>
          </a:prstGeom>
          <a:solidFill>
            <a:schemeClr val="bg1"/>
          </a:solidFill>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Advantages</a:t>
            </a:r>
          </a:p>
        </p:txBody>
      </p:sp>
      <p:sp>
        <p:nvSpPr>
          <p:cNvPr id="8" name="TextBox 7">
            <a:extLst>
              <a:ext uri="{FF2B5EF4-FFF2-40B4-BE49-F238E27FC236}">
                <a16:creationId xmlns:a16="http://schemas.microsoft.com/office/drawing/2014/main" id="{E32B4F3E-0AEA-40AC-871A-E719F0176F54}"/>
              </a:ext>
            </a:extLst>
          </p:cNvPr>
          <p:cNvSpPr txBox="1"/>
          <p:nvPr/>
        </p:nvSpPr>
        <p:spPr>
          <a:xfrm>
            <a:off x="1103084" y="5010423"/>
            <a:ext cx="4476084" cy="664361"/>
          </a:xfrm>
          <a:prstGeom prst="rect">
            <a:avLst/>
          </a:prstGeom>
          <a:noFill/>
          <a:ln>
            <a:noFill/>
          </a:ln>
        </p:spPr>
        <p:txBody>
          <a:bodyPr wrap="square" lIns="0" tIns="0" rIns="0" bIns="0" rtlCol="0">
            <a:noAutofit/>
          </a:bodyPr>
          <a:lstStyle/>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Certainty of worst-case result</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Preserves “upside” participation</a:t>
            </a:r>
          </a:p>
          <a:p>
            <a:pPr marL="274320" lvl="0" indent="-171450" defTabSz="914400">
              <a:buFont typeface="Arial" panose="020B0604020202020204" pitchFamily="34" charset="0"/>
              <a:buChar char="•"/>
              <a:tabLst>
                <a:tab pos="114300" algn="l"/>
              </a:tabLst>
              <a:defRPr/>
            </a:pPr>
            <a:r>
              <a:rPr lang="en-US" sz="1300">
                <a:solidFill>
                  <a:srgbClr val="000000"/>
                </a:solidFill>
                <a:ea typeface="Verdana" panose="020B0604030504040204" pitchFamily="34" charset="0"/>
              </a:rPr>
              <a:t>No credit required unless premium is deferred</a:t>
            </a:r>
          </a:p>
        </p:txBody>
      </p:sp>
      <p:sp>
        <p:nvSpPr>
          <p:cNvPr id="9" name="TextBox 8">
            <a:extLst>
              <a:ext uri="{FF2B5EF4-FFF2-40B4-BE49-F238E27FC236}">
                <a16:creationId xmlns:a16="http://schemas.microsoft.com/office/drawing/2014/main" id="{A9A71249-0113-43B8-99E8-5E97C2DAB549}"/>
              </a:ext>
            </a:extLst>
          </p:cNvPr>
          <p:cNvSpPr txBox="1"/>
          <p:nvPr/>
        </p:nvSpPr>
        <p:spPr>
          <a:xfrm>
            <a:off x="6596820" y="5010423"/>
            <a:ext cx="4466357" cy="775093"/>
          </a:xfrm>
          <a:prstGeom prst="rect">
            <a:avLst/>
          </a:prstGeom>
          <a:noFill/>
          <a:ln>
            <a:noFill/>
          </a:ln>
        </p:spPr>
        <p:txBody>
          <a:bodyPr wrap="square" lIns="0" tIns="0" rIns="0" bIns="0" rtlCol="0">
            <a:noAutofit/>
          </a:bodyPr>
          <a:lstStyle/>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Premium requires cash outlay</a:t>
            </a:r>
          </a:p>
          <a:p>
            <a:pPr marL="274320" lvl="0" indent="-171450" defTabSz="914400">
              <a:buFont typeface="Arial" panose="020B0604020202020204" pitchFamily="34" charset="0"/>
              <a:buChar char="•"/>
              <a:tabLst>
                <a:tab pos="114300" algn="l"/>
              </a:tabLst>
              <a:defRPr/>
            </a:pPr>
            <a:r>
              <a:rPr lang="en-US" sz="1300">
                <a:solidFill>
                  <a:srgbClr val="000000"/>
                </a:solidFill>
                <a:ea typeface="Verdana" panose="020B0604030504040204" pitchFamily="34" charset="0"/>
              </a:rPr>
              <a:t>If rates move in your favor, realized upside can be reduced by the amount of premium paid</a:t>
            </a:r>
          </a:p>
        </p:txBody>
      </p:sp>
      <p:cxnSp>
        <p:nvCxnSpPr>
          <p:cNvPr id="10" name="Straight Arrow Connector 9">
            <a:extLst>
              <a:ext uri="{FF2B5EF4-FFF2-40B4-BE49-F238E27FC236}">
                <a16:creationId xmlns:a16="http://schemas.microsoft.com/office/drawing/2014/main" id="{009CA151-48B9-40CA-9E38-58626319899A}"/>
              </a:ext>
            </a:extLst>
          </p:cNvPr>
          <p:cNvCxnSpPr>
            <a:cxnSpLocks/>
          </p:cNvCxnSpPr>
          <p:nvPr/>
        </p:nvCxnSpPr>
        <p:spPr>
          <a:xfrm>
            <a:off x="6596820" y="4811310"/>
            <a:ext cx="4466357" cy="0"/>
          </a:xfrm>
          <a:prstGeom prst="straightConnector1">
            <a:avLst/>
          </a:prstGeom>
          <a:ln w="19050">
            <a:solidFill>
              <a:srgbClr val="8D0E47"/>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Rectangle 10">
            <a:extLst>
              <a:ext uri="{FF2B5EF4-FFF2-40B4-BE49-F238E27FC236}">
                <a16:creationId xmlns:a16="http://schemas.microsoft.com/office/drawing/2014/main" id="{D798091C-E211-4E76-93B6-E5A1DF617ACB}"/>
              </a:ext>
            </a:extLst>
          </p:cNvPr>
          <p:cNvSpPr/>
          <p:nvPr/>
        </p:nvSpPr>
        <p:spPr>
          <a:xfrm>
            <a:off x="8142012" y="4640205"/>
            <a:ext cx="1375973" cy="342210"/>
          </a:xfrm>
          <a:prstGeom prst="rect">
            <a:avLst/>
          </a:prstGeom>
          <a:solidFill>
            <a:schemeClr val="bg1"/>
          </a:solidFill>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Disadvantages</a:t>
            </a:r>
          </a:p>
        </p:txBody>
      </p:sp>
      <p:cxnSp>
        <p:nvCxnSpPr>
          <p:cNvPr id="12" name="Straight Arrow Connector 11">
            <a:extLst>
              <a:ext uri="{FF2B5EF4-FFF2-40B4-BE49-F238E27FC236}">
                <a16:creationId xmlns:a16="http://schemas.microsoft.com/office/drawing/2014/main" id="{B0FD0F61-7D55-4158-B0D0-B4CDD75B420B}"/>
              </a:ext>
            </a:extLst>
          </p:cNvPr>
          <p:cNvCxnSpPr>
            <a:cxnSpLocks/>
          </p:cNvCxnSpPr>
          <p:nvPr/>
        </p:nvCxnSpPr>
        <p:spPr>
          <a:xfrm>
            <a:off x="6096000" y="4862109"/>
            <a:ext cx="0" cy="846017"/>
          </a:xfrm>
          <a:prstGeom prst="straightConnector1">
            <a:avLst/>
          </a:prstGeom>
          <a:ln w="12700">
            <a:solidFill>
              <a:schemeClr val="bg1">
                <a:lumMod val="75000"/>
              </a:schemeClr>
            </a:solidFill>
            <a:prstDash val="dash"/>
            <a:headEnd type="none" w="med" len="med"/>
            <a:tailEnd type="none" w="med" len="med"/>
          </a:ln>
        </p:spPr>
        <p:style>
          <a:lnRef idx="1">
            <a:schemeClr val="accent1"/>
          </a:lnRef>
          <a:fillRef idx="0">
            <a:schemeClr val="accent1"/>
          </a:fillRef>
          <a:effectRef idx="0">
            <a:schemeClr val="accent1"/>
          </a:effectRef>
          <a:fontRef idx="minor">
            <a:schemeClr val="tx1"/>
          </a:fontRef>
        </p:style>
      </p:cxnSp>
      <p:graphicFrame>
        <p:nvGraphicFramePr>
          <p:cNvPr id="13" name="Chart 12">
            <a:extLst>
              <a:ext uri="{FF2B5EF4-FFF2-40B4-BE49-F238E27FC236}">
                <a16:creationId xmlns:a16="http://schemas.microsoft.com/office/drawing/2014/main" id="{3CF0F0D6-6ACD-488E-ACB8-AFBA72603503}"/>
              </a:ext>
            </a:extLst>
          </p:cNvPr>
          <p:cNvGraphicFramePr>
            <a:graphicFrameLocks/>
          </p:cNvGraphicFramePr>
          <p:nvPr>
            <p:extLst>
              <p:ext uri="{D42A27DB-BD31-4B8C-83A1-F6EECF244321}">
                <p14:modId xmlns:p14="http://schemas.microsoft.com/office/powerpoint/2010/main" val="2407981199"/>
              </p:ext>
            </p:extLst>
          </p:nvPr>
        </p:nvGraphicFramePr>
        <p:xfrm>
          <a:off x="6317599" y="1635369"/>
          <a:ext cx="4855464" cy="2743200"/>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16" name="Table 15">
            <a:extLst>
              <a:ext uri="{FF2B5EF4-FFF2-40B4-BE49-F238E27FC236}">
                <a16:creationId xmlns:a16="http://schemas.microsoft.com/office/drawing/2014/main" id="{5897A7B3-5531-4AC2-BFC6-AED8CCD64585}"/>
              </a:ext>
            </a:extLst>
          </p:cNvPr>
          <p:cNvGraphicFramePr>
            <a:graphicFrameLocks noGrp="1"/>
          </p:cNvGraphicFramePr>
          <p:nvPr>
            <p:extLst>
              <p:ext uri="{D42A27DB-BD31-4B8C-83A1-F6EECF244321}">
                <p14:modId xmlns:p14="http://schemas.microsoft.com/office/powerpoint/2010/main" val="2536252263"/>
              </p:ext>
            </p:extLst>
          </p:nvPr>
        </p:nvGraphicFramePr>
        <p:xfrm>
          <a:off x="900727" y="1944665"/>
          <a:ext cx="4673577" cy="2092014"/>
        </p:xfrm>
        <a:graphic>
          <a:graphicData uri="http://schemas.openxmlformats.org/drawingml/2006/table">
            <a:tbl>
              <a:tblPr>
                <a:tableStyleId>{5C22544A-7EE6-4342-B048-85BDC9FD1C3A}</a:tableStyleId>
              </a:tblPr>
              <a:tblGrid>
                <a:gridCol w="969021">
                  <a:extLst>
                    <a:ext uri="{9D8B030D-6E8A-4147-A177-3AD203B41FA5}">
                      <a16:colId xmlns:a16="http://schemas.microsoft.com/office/drawing/2014/main" val="539722141"/>
                    </a:ext>
                  </a:extLst>
                </a:gridCol>
                <a:gridCol w="1234852">
                  <a:extLst>
                    <a:ext uri="{9D8B030D-6E8A-4147-A177-3AD203B41FA5}">
                      <a16:colId xmlns:a16="http://schemas.microsoft.com/office/drawing/2014/main" val="2788936833"/>
                    </a:ext>
                  </a:extLst>
                </a:gridCol>
                <a:gridCol w="1234852">
                  <a:extLst>
                    <a:ext uri="{9D8B030D-6E8A-4147-A177-3AD203B41FA5}">
                      <a16:colId xmlns:a16="http://schemas.microsoft.com/office/drawing/2014/main" val="186801224"/>
                    </a:ext>
                  </a:extLst>
                </a:gridCol>
                <a:gridCol w="1234852">
                  <a:extLst>
                    <a:ext uri="{9D8B030D-6E8A-4147-A177-3AD203B41FA5}">
                      <a16:colId xmlns:a16="http://schemas.microsoft.com/office/drawing/2014/main" val="1077510418"/>
                    </a:ext>
                  </a:extLst>
                </a:gridCol>
              </a:tblGrid>
              <a:tr h="348669">
                <a:tc>
                  <a:txBody>
                    <a:bodyPr/>
                    <a:lstStyle/>
                    <a:p>
                      <a:pPr algn="ctr" fontAlgn="ctr"/>
                      <a:r>
                        <a:rPr lang="en-US" sz="1100" u="none" strike="noStrike">
                          <a:effectLst/>
                        </a:rPr>
                        <a:t>Cap strike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ctr"/>
                      <a:r>
                        <a:rPr lang="en-US" sz="1100" u="none" strike="noStrike">
                          <a:solidFill>
                            <a:schemeClr val="bg1"/>
                          </a:solidFill>
                          <a:effectLst/>
                        </a:rPr>
                        <a:t>2-year</a:t>
                      </a:r>
                      <a:endParaRPr lang="en-US" sz="1100" b="0"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tx2"/>
                    </a:solidFill>
                  </a:tcPr>
                </a:tc>
                <a:tc>
                  <a:txBody>
                    <a:bodyPr/>
                    <a:lstStyle/>
                    <a:p>
                      <a:pPr algn="ctr" fontAlgn="ctr"/>
                      <a:r>
                        <a:rPr lang="en-US" sz="1100" u="none" strike="noStrike">
                          <a:solidFill>
                            <a:schemeClr val="bg1"/>
                          </a:solidFill>
                          <a:effectLst/>
                        </a:rPr>
                        <a:t>3-year</a:t>
                      </a:r>
                      <a:endParaRPr lang="en-US" sz="1100" b="0"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tx2"/>
                    </a:solidFill>
                  </a:tcPr>
                </a:tc>
                <a:tc>
                  <a:txBody>
                    <a:bodyPr/>
                    <a:lstStyle/>
                    <a:p>
                      <a:pPr algn="ctr" fontAlgn="ctr"/>
                      <a:r>
                        <a:rPr lang="en-US" sz="1100" u="none" strike="noStrike">
                          <a:solidFill>
                            <a:schemeClr val="bg1"/>
                          </a:solidFill>
                          <a:effectLst/>
                        </a:rPr>
                        <a:t>4-year</a:t>
                      </a:r>
                      <a:endParaRPr lang="en-US" sz="1100" b="0"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tx2"/>
                    </a:solidFill>
                  </a:tcPr>
                </a:tc>
                <a:extLst>
                  <a:ext uri="{0D108BD9-81ED-4DB2-BD59-A6C34878D82A}">
                    <a16:rowId xmlns:a16="http://schemas.microsoft.com/office/drawing/2014/main" val="1949739524"/>
                  </a:ext>
                </a:extLst>
              </a:tr>
              <a:tr h="348669">
                <a:tc>
                  <a:txBody>
                    <a:bodyPr/>
                    <a:lstStyle/>
                    <a:p>
                      <a:pPr algn="ctr" fontAlgn="ctr"/>
                      <a:r>
                        <a:rPr lang="en-US" sz="1100" u="none" strike="noStrike">
                          <a:effectLst/>
                        </a:rPr>
                        <a:t>3.0%</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ctr"/>
                      <a:r>
                        <a:rPr lang="en-US" sz="1100" u="none" strike="noStrike">
                          <a:effectLst/>
                        </a:rPr>
                        <a:t>$1,122,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u="none" strike="noStrike">
                          <a:effectLst/>
                        </a:rPr>
                        <a:t>$2,061,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u="none" strike="noStrike">
                          <a:effectLst/>
                        </a:rPr>
                        <a:t>$3,012,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4124532190"/>
                  </a:ext>
                </a:extLst>
              </a:tr>
              <a:tr h="348669">
                <a:tc>
                  <a:txBody>
                    <a:bodyPr/>
                    <a:lstStyle/>
                    <a:p>
                      <a:pPr algn="ctr" fontAlgn="ctr"/>
                      <a:r>
                        <a:rPr lang="en-US" sz="1100" u="none" strike="noStrike">
                          <a:effectLst/>
                        </a:rPr>
                        <a:t>3.5%</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ctr"/>
                      <a:r>
                        <a:rPr lang="en-US" sz="1100" u="none" strike="noStrike">
                          <a:effectLst/>
                        </a:rPr>
                        <a:t>$794,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u="none" strike="noStrike">
                          <a:effectLst/>
                        </a:rPr>
                        <a:t>$1,556,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u="none" strike="noStrike">
                          <a:effectLst/>
                        </a:rPr>
                        <a:t>$2,347,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3612051122"/>
                  </a:ext>
                </a:extLst>
              </a:tr>
              <a:tr h="348669">
                <a:tc>
                  <a:txBody>
                    <a:bodyPr/>
                    <a:lstStyle/>
                    <a:p>
                      <a:pPr algn="ctr" fontAlgn="ctr"/>
                      <a:r>
                        <a:rPr lang="en-US" sz="1100" u="none" strike="noStrike">
                          <a:effectLst/>
                        </a:rPr>
                        <a:t>4.0%</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ctr"/>
                      <a:r>
                        <a:rPr lang="en-US" sz="1100" u="none" strike="noStrike">
                          <a:effectLst/>
                        </a:rPr>
                        <a:t>$581,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u="none" strike="noStrike">
                          <a:effectLst/>
                        </a:rPr>
                        <a:t>$1,207,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u="none" strike="noStrike">
                          <a:effectLst/>
                        </a:rPr>
                        <a:t>$1,876,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3950635029"/>
                  </a:ext>
                </a:extLst>
              </a:tr>
              <a:tr h="348669">
                <a:tc>
                  <a:txBody>
                    <a:bodyPr/>
                    <a:lstStyle/>
                    <a:p>
                      <a:pPr algn="ctr" fontAlgn="ctr"/>
                      <a:r>
                        <a:rPr lang="en-US" sz="1100" u="none" strike="noStrike">
                          <a:effectLst/>
                        </a:rPr>
                        <a:t>4.5%</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ctr"/>
                      <a:r>
                        <a:rPr lang="en-US" sz="1100" u="none" strike="noStrike">
                          <a:effectLst/>
                        </a:rPr>
                        <a:t>$441,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u="none" strike="noStrike">
                          <a:effectLst/>
                        </a:rPr>
                        <a:t>$967,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u="none" strike="noStrike">
                          <a:effectLst/>
                        </a:rPr>
                        <a:t>$1,541,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4267205490"/>
                  </a:ext>
                </a:extLst>
              </a:tr>
              <a:tr h="348669">
                <a:tc>
                  <a:txBody>
                    <a:bodyPr/>
                    <a:lstStyle/>
                    <a:p>
                      <a:pPr algn="ctr" fontAlgn="ctr"/>
                      <a:r>
                        <a:rPr lang="en-US" sz="1100" u="none" strike="noStrike">
                          <a:effectLst/>
                        </a:rPr>
                        <a:t>5.0%</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ctr"/>
                      <a:r>
                        <a:rPr lang="en-US" sz="1100" u="none" strike="noStrike">
                          <a:effectLst/>
                        </a:rPr>
                        <a:t>$348,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u="none" strike="noStrike">
                          <a:effectLst/>
                        </a:rPr>
                        <a:t>$796,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u="none" strike="noStrike">
                          <a:effectLst/>
                        </a:rPr>
                        <a:t>$1,299,000 </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292593681"/>
                  </a:ext>
                </a:extLst>
              </a:tr>
            </a:tbl>
          </a:graphicData>
        </a:graphic>
      </p:graphicFrame>
      <p:sp>
        <p:nvSpPr>
          <p:cNvPr id="17" name="Rectangle 16">
            <a:extLst>
              <a:ext uri="{FF2B5EF4-FFF2-40B4-BE49-F238E27FC236}">
                <a16:creationId xmlns:a16="http://schemas.microsoft.com/office/drawing/2014/main" id="{575BF882-5745-43AA-972B-6B316D3DE773}"/>
              </a:ext>
            </a:extLst>
          </p:cNvPr>
          <p:cNvSpPr/>
          <p:nvPr/>
        </p:nvSpPr>
        <p:spPr>
          <a:xfrm>
            <a:off x="762000" y="1540382"/>
            <a:ext cx="4236720" cy="342210"/>
          </a:xfrm>
          <a:prstGeom prst="rect">
            <a:avLst/>
          </a:prstGeom>
          <a:solidFill>
            <a:schemeClr val="bg1"/>
          </a:solidFill>
        </p:spPr>
        <p:txBody>
          <a:bodyPr wrap="square" anchor="ctr">
            <a:spAutoFit/>
          </a:bodyPr>
          <a:lstStyle/>
          <a:p>
            <a:pPr marL="0" marR="0" lvl="0" indent="0"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Cap premium indications (per $100mm notional) </a:t>
            </a:r>
          </a:p>
        </p:txBody>
      </p:sp>
      <p:sp>
        <p:nvSpPr>
          <p:cNvPr id="20" name="Content Placeholder 7">
            <a:extLst>
              <a:ext uri="{FF2B5EF4-FFF2-40B4-BE49-F238E27FC236}">
                <a16:creationId xmlns:a16="http://schemas.microsoft.com/office/drawing/2014/main" id="{F3A73014-0303-4A66-8B40-BCFB5756085C}"/>
              </a:ext>
            </a:extLst>
          </p:cNvPr>
          <p:cNvSpPr txBox="1">
            <a:spLocks/>
          </p:cNvSpPr>
          <p:nvPr/>
        </p:nvSpPr>
        <p:spPr>
          <a:xfrm>
            <a:off x="3763268" y="4126673"/>
            <a:ext cx="1811036" cy="162221"/>
          </a:xfrm>
          <a:prstGeom prst="rect">
            <a:avLst/>
          </a:prstGeom>
        </p:spPr>
        <p:txBody>
          <a:bodyPr vert="horz" lIns="0" tIns="0" rIns="0" bIns="0" rtlCol="0">
            <a:noAutofit/>
          </a:bodyPr>
          <a:lstStyle>
            <a:lvl1pPr marL="6879" indent="0" algn="l" defTabSz="990564" rtl="0" eaLnBrk="1" latinLnBrk="0" hangingPunct="1">
              <a:lnSpc>
                <a:spcPct val="110000"/>
              </a:lnSpc>
              <a:spcBef>
                <a:spcPts val="0"/>
              </a:spcBef>
              <a:spcAft>
                <a:spcPts val="433"/>
              </a:spcAft>
              <a:buFont typeface="Arial" panose="020B0604020202020204" pitchFamily="34" charset="0"/>
              <a:buNone/>
              <a:tabLst/>
              <a:defRPr sz="1517" kern="1200">
                <a:solidFill>
                  <a:schemeClr val="tx1"/>
                </a:solidFill>
                <a:latin typeface="+mn-lt"/>
                <a:ea typeface="+mn-ea"/>
                <a:cs typeface="+mn-cs"/>
              </a:defRPr>
            </a:lvl1pPr>
            <a:lvl2pPr marL="373182" indent="-184012" algn="l" defTabSz="990564" rtl="0" eaLnBrk="1" latinLnBrk="0" hangingPunct="1">
              <a:lnSpc>
                <a:spcPct val="110000"/>
              </a:lnSpc>
              <a:spcBef>
                <a:spcPts val="0"/>
              </a:spcBef>
              <a:spcAft>
                <a:spcPts val="433"/>
              </a:spcAft>
              <a:buFont typeface="Courier New" panose="02070309020205020404" pitchFamily="49" charset="0"/>
              <a:buChar char="o"/>
              <a:tabLst/>
              <a:defRPr sz="1300" kern="1200">
                <a:solidFill>
                  <a:schemeClr val="tx1"/>
                </a:solidFill>
                <a:latin typeface="+mn-lt"/>
                <a:ea typeface="+mn-ea"/>
                <a:cs typeface="+mn-cs"/>
              </a:defRPr>
            </a:lvl2pPr>
            <a:lvl3pPr marL="562352" indent="-189170" algn="l" defTabSz="990564" rtl="0" eaLnBrk="1" latinLnBrk="0" hangingPunct="1">
              <a:lnSpc>
                <a:spcPct val="110000"/>
              </a:lnSpc>
              <a:spcBef>
                <a:spcPts val="0"/>
              </a:spcBef>
              <a:spcAft>
                <a:spcPts val="433"/>
              </a:spcAft>
              <a:buFont typeface="Calibri" panose="020F0502020204030204" pitchFamily="34" charset="0"/>
              <a:buChar char="–"/>
              <a:tabLst/>
              <a:defRPr sz="1300" kern="1200">
                <a:solidFill>
                  <a:schemeClr val="tx1"/>
                </a:solidFill>
                <a:latin typeface="+mn-lt"/>
                <a:ea typeface="+mn-ea"/>
                <a:cs typeface="+mn-cs"/>
              </a:defRPr>
            </a:lvl3pPr>
            <a:lvl4pPr marL="746362" indent="-184012" algn="l" defTabSz="990564" rtl="0" eaLnBrk="1" latinLnBrk="0" hangingPunct="1">
              <a:lnSpc>
                <a:spcPct val="110000"/>
              </a:lnSpc>
              <a:spcBef>
                <a:spcPts val="0"/>
              </a:spcBef>
              <a:spcAft>
                <a:spcPts val="433"/>
              </a:spcAft>
              <a:buFont typeface="Arial" panose="020B0604020202020204" pitchFamily="34" charset="0"/>
              <a:buChar char="•"/>
              <a:tabLst/>
              <a:defRPr sz="1083" kern="1200">
                <a:solidFill>
                  <a:schemeClr val="tx1"/>
                </a:solidFill>
                <a:latin typeface="+mn-lt"/>
                <a:ea typeface="+mn-ea"/>
                <a:cs typeface="+mn-cs"/>
              </a:defRPr>
            </a:lvl4pPr>
            <a:lvl5pPr marL="930374" indent="-182291" algn="l" defTabSz="990564" rtl="0" eaLnBrk="1" latinLnBrk="0" hangingPunct="1">
              <a:lnSpc>
                <a:spcPct val="110000"/>
              </a:lnSpc>
              <a:spcBef>
                <a:spcPts val="0"/>
              </a:spcBef>
              <a:spcAft>
                <a:spcPts val="433"/>
              </a:spcAft>
              <a:buFont typeface="Courier New" panose="02070309020205020404" pitchFamily="49" charset="0"/>
              <a:buChar char="o"/>
              <a:tabLst/>
              <a:defRPr sz="1083" kern="1200">
                <a:solidFill>
                  <a:schemeClr val="tx1"/>
                </a:solidFill>
                <a:latin typeface="+mn-lt"/>
                <a:ea typeface="+mn-ea"/>
                <a:cs typeface="+mn-cs"/>
              </a:defRPr>
            </a:lvl5pPr>
            <a:lvl6pPr marL="2724050"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6pPr>
            <a:lvl7pPr marL="3219333"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7pPr>
            <a:lvl8pPr marL="3714614"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8pPr>
            <a:lvl9pPr marL="4209896"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9pPr>
          </a:lstStyle>
          <a:p>
            <a:pPr algn="r"/>
            <a:r>
              <a:rPr lang="en-US" sz="900" i="1"/>
              <a:t>Rates data as of May 5, 2022</a:t>
            </a:r>
          </a:p>
          <a:p>
            <a:pPr algn="r"/>
            <a:endParaRPr lang="en-US" sz="900" b="1" i="1">
              <a:solidFill>
                <a:schemeClr val="accent2"/>
              </a:solidFill>
            </a:endParaRPr>
          </a:p>
        </p:txBody>
      </p:sp>
    </p:spTree>
    <p:extLst>
      <p:ext uri="{BB962C8B-B14F-4D97-AF65-F5344CB8AC3E}">
        <p14:creationId xmlns:p14="http://schemas.microsoft.com/office/powerpoint/2010/main" val="221900079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813C75-DD40-4CEA-AC74-50B70E49AAA7}"/>
              </a:ext>
            </a:extLst>
          </p:cNvPr>
          <p:cNvSpPr>
            <a:spLocks noGrp="1"/>
          </p:cNvSpPr>
          <p:nvPr>
            <p:ph type="title"/>
          </p:nvPr>
        </p:nvSpPr>
        <p:spPr/>
        <p:txBody>
          <a:bodyPr/>
          <a:lstStyle/>
          <a:p>
            <a:r>
              <a:rPr lang="en-US"/>
              <a:t>Interest rate collars</a:t>
            </a:r>
          </a:p>
        </p:txBody>
      </p:sp>
      <p:sp>
        <p:nvSpPr>
          <p:cNvPr id="4" name="Slide Number Placeholder 3">
            <a:extLst>
              <a:ext uri="{FF2B5EF4-FFF2-40B4-BE49-F238E27FC236}">
                <a16:creationId xmlns:a16="http://schemas.microsoft.com/office/drawing/2014/main" id="{6F562347-7A90-4138-A5ED-05CCB2D410D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16</a:t>
            </a:fld>
            <a:endParaRPr lang="en-US">
              <a:solidFill>
                <a:srgbClr val="1F2322"/>
              </a:solidFill>
            </a:endParaRPr>
          </a:p>
        </p:txBody>
      </p:sp>
      <p:sp>
        <p:nvSpPr>
          <p:cNvPr id="5" name="Text Placeholder 4">
            <a:extLst>
              <a:ext uri="{FF2B5EF4-FFF2-40B4-BE49-F238E27FC236}">
                <a16:creationId xmlns:a16="http://schemas.microsoft.com/office/drawing/2014/main" id="{E65D862A-FF32-42A7-8A30-73A76BDE1A1E}"/>
              </a:ext>
            </a:extLst>
          </p:cNvPr>
          <p:cNvSpPr>
            <a:spLocks noGrp="1"/>
          </p:cNvSpPr>
          <p:nvPr>
            <p:ph type="body" sz="quarter" idx="11"/>
          </p:nvPr>
        </p:nvSpPr>
        <p:spPr/>
        <p:txBody>
          <a:bodyPr/>
          <a:lstStyle/>
          <a:p>
            <a:r>
              <a:rPr lang="en-US"/>
              <a:t>Pay a premium to preserve upside</a:t>
            </a:r>
          </a:p>
        </p:txBody>
      </p:sp>
      <p:sp>
        <p:nvSpPr>
          <p:cNvPr id="31" name="TextBox 30">
            <a:extLst>
              <a:ext uri="{FF2B5EF4-FFF2-40B4-BE49-F238E27FC236}">
                <a16:creationId xmlns:a16="http://schemas.microsoft.com/office/drawing/2014/main" id="{C5C9E7C1-B07F-4063-A096-ACBB2D25310A}"/>
              </a:ext>
            </a:extLst>
          </p:cNvPr>
          <p:cNvSpPr txBox="1"/>
          <p:nvPr/>
        </p:nvSpPr>
        <p:spPr>
          <a:xfrm>
            <a:off x="762000" y="2087627"/>
            <a:ext cx="3087189" cy="978902"/>
          </a:xfrm>
          <a:prstGeom prst="rect">
            <a:avLst/>
          </a:prstGeom>
          <a:noFill/>
          <a:ln>
            <a:solidFill>
              <a:schemeClr val="accent1"/>
            </a:solidFill>
          </a:ln>
        </p:spPr>
        <p:txBody>
          <a:bodyPr wrap="square" lIns="0" tIns="0" rIns="0" bIns="0" rtlCol="0">
            <a:noAutofit/>
          </a:bodyPr>
          <a:lstStyle/>
          <a:p>
            <a:pPr marL="388620" lvl="0" indent="-285750" defTabSz="914400">
              <a:spcAft>
                <a:spcPts val="300"/>
              </a:spcAft>
              <a:buFont typeface="Arial" panose="020B0604020202020204" pitchFamily="34" charset="0"/>
              <a:buChar char="•"/>
              <a:tabLst>
                <a:tab pos="114300" algn="l"/>
              </a:tabLst>
              <a:defRPr/>
            </a:pPr>
            <a:endParaRPr lang="en-US" sz="300">
              <a:solidFill>
                <a:srgbClr val="000000"/>
              </a:solidFill>
              <a:ea typeface="Verdana" panose="020B0604030504040204" pitchFamily="34" charset="0"/>
            </a:endParaRPr>
          </a:p>
          <a:p>
            <a:pPr marL="388620" lvl="0" indent="-285750" defTabSz="914400">
              <a:spcAft>
                <a:spcPts val="300"/>
              </a:spcAft>
              <a:buFont typeface="Arial" panose="020B0604020202020204" pitchFamily="34" charset="0"/>
              <a:buChar char="•"/>
              <a:tabLst>
                <a:tab pos="114300" algn="l"/>
              </a:tabLst>
              <a:defRPr/>
            </a:pPr>
            <a:r>
              <a:rPr lang="en-US" sz="1400">
                <a:solidFill>
                  <a:srgbClr val="000000"/>
                </a:solidFill>
                <a:ea typeface="Verdana" panose="020B0604030504040204" pitchFamily="34" charset="0"/>
              </a:rPr>
              <a:t>Creates a finite range in which rates may float.</a:t>
            </a:r>
          </a:p>
        </p:txBody>
      </p:sp>
      <p:sp>
        <p:nvSpPr>
          <p:cNvPr id="33" name="Rectangle 32">
            <a:extLst>
              <a:ext uri="{FF2B5EF4-FFF2-40B4-BE49-F238E27FC236}">
                <a16:creationId xmlns:a16="http://schemas.microsoft.com/office/drawing/2014/main" id="{E665EE88-3088-444C-94DE-E46249676CF6}"/>
              </a:ext>
            </a:extLst>
          </p:cNvPr>
          <p:cNvSpPr/>
          <p:nvPr/>
        </p:nvSpPr>
        <p:spPr>
          <a:xfrm>
            <a:off x="762000" y="1752804"/>
            <a:ext cx="3087189" cy="342210"/>
          </a:xfrm>
          <a:prstGeom prst="rect">
            <a:avLst/>
          </a:prstGeom>
          <a:solidFill>
            <a:schemeClr val="accent1"/>
          </a:solidFill>
          <a:ln>
            <a:solidFill>
              <a:schemeClr val="tx2"/>
            </a:solidFill>
          </a:ln>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solidFill>
                  <a:schemeClr val="bg1"/>
                </a:solidFill>
                <a:effectLst/>
                <a:uLnTx/>
                <a:uFillTx/>
                <a:latin typeface="Calibri" panose="020F0502020204030204"/>
                <a:ea typeface="Verdana" panose="020B0604030504040204" pitchFamily="34" charset="0"/>
                <a:cs typeface="+mn-cs"/>
              </a:rPr>
              <a:t>Purpose</a:t>
            </a:r>
          </a:p>
        </p:txBody>
      </p:sp>
      <p:sp>
        <p:nvSpPr>
          <p:cNvPr id="35" name="TextBox 34">
            <a:extLst>
              <a:ext uri="{FF2B5EF4-FFF2-40B4-BE49-F238E27FC236}">
                <a16:creationId xmlns:a16="http://schemas.microsoft.com/office/drawing/2014/main" id="{7B607A24-B929-408A-9E01-A3FABE594087}"/>
              </a:ext>
            </a:extLst>
          </p:cNvPr>
          <p:cNvSpPr txBox="1"/>
          <p:nvPr/>
        </p:nvSpPr>
        <p:spPr>
          <a:xfrm>
            <a:off x="4353848" y="2089743"/>
            <a:ext cx="3087190" cy="978903"/>
          </a:xfrm>
          <a:prstGeom prst="rect">
            <a:avLst/>
          </a:prstGeom>
          <a:noFill/>
          <a:ln>
            <a:solidFill>
              <a:schemeClr val="accent2"/>
            </a:solidFill>
          </a:ln>
        </p:spPr>
        <p:txBody>
          <a:bodyPr wrap="square" lIns="0" tIns="0" rIns="0" bIns="0" rtlCol="0">
            <a:noAutofit/>
          </a:bodyPr>
          <a:lstStyle/>
          <a:p>
            <a:pPr marL="388620" lvl="0" indent="-285750" defTabSz="914400">
              <a:spcAft>
                <a:spcPts val="300"/>
              </a:spcAft>
              <a:buFont typeface="Arial" panose="020B0604020202020204" pitchFamily="34" charset="0"/>
              <a:buChar char="•"/>
              <a:tabLst>
                <a:tab pos="114300" algn="l"/>
              </a:tabLst>
              <a:defRPr/>
            </a:pPr>
            <a:endParaRPr lang="en-US" sz="300">
              <a:solidFill>
                <a:srgbClr val="000000"/>
              </a:solidFill>
              <a:ea typeface="Verdana" panose="020B0604030504040204" pitchFamily="34" charset="0"/>
            </a:endParaRPr>
          </a:p>
          <a:p>
            <a:pPr marL="388620" lvl="0" indent="-285750" defTabSz="914400">
              <a:spcAft>
                <a:spcPts val="300"/>
              </a:spcAft>
              <a:buFont typeface="Arial" panose="020B0604020202020204" pitchFamily="34" charset="0"/>
              <a:buChar char="•"/>
              <a:tabLst>
                <a:tab pos="114300" algn="l"/>
              </a:tabLst>
              <a:defRPr/>
            </a:pPr>
            <a:r>
              <a:rPr lang="en-US" sz="1400">
                <a:solidFill>
                  <a:srgbClr val="000000"/>
                </a:solidFill>
                <a:ea typeface="Verdana" panose="020B0604030504040204" pitchFamily="34" charset="0"/>
              </a:rPr>
              <a:t>Term, notional, interest periods, strike rate.</a:t>
            </a:r>
          </a:p>
        </p:txBody>
      </p:sp>
      <p:sp>
        <p:nvSpPr>
          <p:cNvPr id="37" name="Rectangle 36">
            <a:extLst>
              <a:ext uri="{FF2B5EF4-FFF2-40B4-BE49-F238E27FC236}">
                <a16:creationId xmlns:a16="http://schemas.microsoft.com/office/drawing/2014/main" id="{699B04EC-CB79-4068-BFD0-CFF063373663}"/>
              </a:ext>
            </a:extLst>
          </p:cNvPr>
          <p:cNvSpPr/>
          <p:nvPr/>
        </p:nvSpPr>
        <p:spPr>
          <a:xfrm>
            <a:off x="4353849" y="1752803"/>
            <a:ext cx="3087188" cy="342210"/>
          </a:xfrm>
          <a:prstGeom prst="rect">
            <a:avLst/>
          </a:prstGeom>
          <a:solidFill>
            <a:schemeClr val="accent2"/>
          </a:solidFill>
          <a:ln>
            <a:solidFill>
              <a:schemeClr val="accent2"/>
            </a:solidFill>
          </a:ln>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solidFill>
                  <a:schemeClr val="bg1"/>
                </a:solidFill>
                <a:effectLst/>
                <a:uLnTx/>
                <a:uFillTx/>
                <a:latin typeface="Calibri" panose="020F0502020204030204"/>
                <a:ea typeface="Verdana" panose="020B0604030504040204" pitchFamily="34" charset="0"/>
                <a:cs typeface="+mn-cs"/>
              </a:rPr>
              <a:t>Key economics</a:t>
            </a:r>
          </a:p>
        </p:txBody>
      </p:sp>
      <p:sp>
        <p:nvSpPr>
          <p:cNvPr id="40" name="TextBox 39">
            <a:extLst>
              <a:ext uri="{FF2B5EF4-FFF2-40B4-BE49-F238E27FC236}">
                <a16:creationId xmlns:a16="http://schemas.microsoft.com/office/drawing/2014/main" id="{9BBB6D0C-0348-4191-9009-295B4EF5D78F}"/>
              </a:ext>
            </a:extLst>
          </p:cNvPr>
          <p:cNvSpPr txBox="1"/>
          <p:nvPr/>
        </p:nvSpPr>
        <p:spPr>
          <a:xfrm>
            <a:off x="7777192" y="2087627"/>
            <a:ext cx="3087188" cy="981020"/>
          </a:xfrm>
          <a:prstGeom prst="rect">
            <a:avLst/>
          </a:prstGeom>
          <a:noFill/>
          <a:ln>
            <a:solidFill>
              <a:schemeClr val="accent6"/>
            </a:solidFill>
          </a:ln>
        </p:spPr>
        <p:txBody>
          <a:bodyPr wrap="square" lIns="0" tIns="0" rIns="0" bIns="0" rtlCol="0">
            <a:no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altLang="en-US" sz="300"/>
          </a:p>
          <a:p>
            <a:pPr marL="339725"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tLang="en-US" sz="1400"/>
              <a:t>No upfront cost (premiums net to zero).</a:t>
            </a:r>
          </a:p>
          <a:p>
            <a:pPr marL="339725" marR="0" lvl="0" indent="-27940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tLang="en-US" sz="1400"/>
              <a:t>Make payments if rates remain low and receive payouts if they rise.</a:t>
            </a:r>
          </a:p>
        </p:txBody>
      </p:sp>
      <p:sp>
        <p:nvSpPr>
          <p:cNvPr id="42" name="Rectangle 41">
            <a:extLst>
              <a:ext uri="{FF2B5EF4-FFF2-40B4-BE49-F238E27FC236}">
                <a16:creationId xmlns:a16="http://schemas.microsoft.com/office/drawing/2014/main" id="{1CBBE8FA-33E9-46CD-A593-9BA80976DB9C}"/>
              </a:ext>
            </a:extLst>
          </p:cNvPr>
          <p:cNvSpPr/>
          <p:nvPr/>
        </p:nvSpPr>
        <p:spPr>
          <a:xfrm>
            <a:off x="7777191" y="1767602"/>
            <a:ext cx="3087188" cy="342210"/>
          </a:xfrm>
          <a:prstGeom prst="rect">
            <a:avLst/>
          </a:prstGeom>
          <a:solidFill>
            <a:schemeClr val="accent6"/>
          </a:solidFill>
          <a:ln>
            <a:solidFill>
              <a:schemeClr val="accent6"/>
            </a:solidFill>
          </a:ln>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solidFill>
                  <a:schemeClr val="bg1"/>
                </a:solidFill>
                <a:effectLst/>
                <a:uLnTx/>
                <a:uFillTx/>
                <a:latin typeface="Calibri" panose="020F0502020204030204"/>
                <a:ea typeface="Verdana" panose="020B0604030504040204" pitchFamily="34" charset="0"/>
                <a:cs typeface="+mn-cs"/>
              </a:rPr>
              <a:t>Cash flows</a:t>
            </a:r>
          </a:p>
        </p:txBody>
      </p:sp>
      <p:sp>
        <p:nvSpPr>
          <p:cNvPr id="69" name="Rechteck 29">
            <a:extLst>
              <a:ext uri="{FF2B5EF4-FFF2-40B4-BE49-F238E27FC236}">
                <a16:creationId xmlns:a16="http://schemas.microsoft.com/office/drawing/2014/main" id="{C1139B03-2AED-4BC8-B11D-136FF7EA4337}"/>
              </a:ext>
            </a:extLst>
          </p:cNvPr>
          <p:cNvSpPr>
            <a:spLocks noChangeArrowheads="1"/>
          </p:cNvSpPr>
          <p:nvPr/>
        </p:nvSpPr>
        <p:spPr bwMode="gray">
          <a:xfrm>
            <a:off x="1645156" y="4043112"/>
            <a:ext cx="1272591" cy="1076688"/>
          </a:xfrm>
          <a:prstGeom prst="rect">
            <a:avLst/>
          </a:prstGeom>
          <a:solidFill>
            <a:schemeClr val="bg2"/>
          </a:solidFill>
          <a:ln w="95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tIns="91440" rtlCol="0" anchor="t"/>
          <a:lstStyle/>
          <a:p>
            <a:pPr algn="ctr" defTabSz="457200">
              <a:defRPr/>
            </a:pPr>
            <a:r>
              <a:rPr kumimoji="0" lang="en-US" sz="1200" b="0" i="0" u="none" strike="noStrike" kern="1200" cap="none" spc="0" normalizeH="0" baseline="0" noProof="0">
                <a:ln>
                  <a:noFill/>
                </a:ln>
                <a:solidFill>
                  <a:srgbClr val="242424"/>
                </a:solidFill>
                <a:effectLst/>
                <a:uLnTx/>
                <a:uFillTx/>
                <a:latin typeface="Calibri" panose="020F0502020204030204"/>
                <a:ea typeface="+mn-ea"/>
                <a:cs typeface="+mn-cs"/>
              </a:rPr>
              <a:t>Hedge provider</a:t>
            </a:r>
          </a:p>
        </p:txBody>
      </p:sp>
      <p:grpSp>
        <p:nvGrpSpPr>
          <p:cNvPr id="70" name="Group 69">
            <a:extLst>
              <a:ext uri="{FF2B5EF4-FFF2-40B4-BE49-F238E27FC236}">
                <a16:creationId xmlns:a16="http://schemas.microsoft.com/office/drawing/2014/main" id="{D87AAD08-83E3-4FBB-90AF-6C3D74DF6329}"/>
              </a:ext>
            </a:extLst>
          </p:cNvPr>
          <p:cNvGrpSpPr/>
          <p:nvPr/>
        </p:nvGrpSpPr>
        <p:grpSpPr>
          <a:xfrm>
            <a:off x="3659889" y="5319808"/>
            <a:ext cx="4825754" cy="261447"/>
            <a:chOff x="1616129" y="2967447"/>
            <a:chExt cx="3150320" cy="261447"/>
          </a:xfrm>
        </p:grpSpPr>
        <p:sp>
          <p:nvSpPr>
            <p:cNvPr id="71" name="TextBox 70">
              <a:extLst>
                <a:ext uri="{FF2B5EF4-FFF2-40B4-BE49-F238E27FC236}">
                  <a16:creationId xmlns:a16="http://schemas.microsoft.com/office/drawing/2014/main" id="{65F42021-1A87-4D29-B564-6610ED7FEB1B}"/>
                </a:ext>
              </a:extLst>
            </p:cNvPr>
            <p:cNvSpPr txBox="1"/>
            <p:nvPr/>
          </p:nvSpPr>
          <p:spPr>
            <a:xfrm>
              <a:off x="1616129" y="2967447"/>
              <a:ext cx="603420" cy="256368"/>
            </a:xfrm>
            <a:prstGeom prst="rect">
              <a:avLst/>
            </a:prstGeom>
            <a:noFill/>
          </p:spPr>
          <p:txBody>
            <a:bodyPr wrap="square" lIns="0" tIns="0" rIns="0" bIns="0" rtlCol="0" anchor="ctr">
              <a:noAutofit/>
            </a:bodyPr>
            <a:lstStyle/>
            <a:p>
              <a:pPr algn="ctr"/>
              <a:r>
                <a:rPr lang="en-US" sz="1400" b="1">
                  <a:solidFill>
                    <a:srgbClr val="002060"/>
                  </a:solidFill>
                </a:rPr>
                <a:t>Collar</a:t>
              </a:r>
            </a:p>
          </p:txBody>
        </p:sp>
        <p:sp>
          <p:nvSpPr>
            <p:cNvPr id="72" name="TextBox 71">
              <a:extLst>
                <a:ext uri="{FF2B5EF4-FFF2-40B4-BE49-F238E27FC236}">
                  <a16:creationId xmlns:a16="http://schemas.microsoft.com/office/drawing/2014/main" id="{76DE4B72-8557-4A0B-A423-87A0BBF9222D}"/>
                </a:ext>
              </a:extLst>
            </p:cNvPr>
            <p:cNvSpPr txBox="1"/>
            <p:nvPr/>
          </p:nvSpPr>
          <p:spPr>
            <a:xfrm>
              <a:off x="4163029" y="2972526"/>
              <a:ext cx="603420" cy="256368"/>
            </a:xfrm>
            <a:prstGeom prst="rect">
              <a:avLst/>
            </a:prstGeom>
            <a:noFill/>
          </p:spPr>
          <p:txBody>
            <a:bodyPr wrap="square" lIns="0" tIns="0" rIns="0" bIns="0" rtlCol="0" anchor="ctr">
              <a:noAutofit/>
            </a:bodyPr>
            <a:lstStyle/>
            <a:p>
              <a:pPr algn="ctr"/>
              <a:r>
                <a:rPr lang="en-US" sz="1400" b="1">
                  <a:solidFill>
                    <a:srgbClr val="002060"/>
                  </a:solidFill>
                </a:rPr>
                <a:t>Loan</a:t>
              </a:r>
            </a:p>
          </p:txBody>
        </p:sp>
      </p:grpSp>
      <p:sp>
        <p:nvSpPr>
          <p:cNvPr id="73" name="Right Brace 72">
            <a:extLst>
              <a:ext uri="{FF2B5EF4-FFF2-40B4-BE49-F238E27FC236}">
                <a16:creationId xmlns:a16="http://schemas.microsoft.com/office/drawing/2014/main" id="{FF7C517D-4722-48F5-A55C-9405B774EA9F}"/>
              </a:ext>
            </a:extLst>
          </p:cNvPr>
          <p:cNvSpPr/>
          <p:nvPr/>
        </p:nvSpPr>
        <p:spPr>
          <a:xfrm rot="5400000">
            <a:off x="4010676" y="4342011"/>
            <a:ext cx="188184" cy="1677178"/>
          </a:xfrm>
          <a:prstGeom prst="rightBrace">
            <a:avLst/>
          </a:prstGeom>
          <a:ln w="15875">
            <a:solidFill>
              <a:schemeClr val="accent5"/>
            </a:solidFill>
            <a:prstDash val="sysDash"/>
            <a:tailEnd type="none" w="med" len="sm"/>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74" name="Right Brace 73">
            <a:extLst>
              <a:ext uri="{FF2B5EF4-FFF2-40B4-BE49-F238E27FC236}">
                <a16:creationId xmlns:a16="http://schemas.microsoft.com/office/drawing/2014/main" id="{0AFCE493-59D8-4236-9FEF-0229D3266449}"/>
              </a:ext>
            </a:extLst>
          </p:cNvPr>
          <p:cNvSpPr/>
          <p:nvPr/>
        </p:nvSpPr>
        <p:spPr>
          <a:xfrm rot="5400000">
            <a:off x="7881996" y="4001256"/>
            <a:ext cx="165062" cy="2333416"/>
          </a:xfrm>
          <a:prstGeom prst="rightBrace">
            <a:avLst/>
          </a:prstGeom>
          <a:ln w="15875">
            <a:solidFill>
              <a:schemeClr val="accent5"/>
            </a:solidFill>
            <a:prstDash val="sysDash"/>
            <a:tailEnd type="none" w="med" len="sm"/>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75" name="Line 203">
            <a:extLst>
              <a:ext uri="{FF2B5EF4-FFF2-40B4-BE49-F238E27FC236}">
                <a16:creationId xmlns:a16="http://schemas.microsoft.com/office/drawing/2014/main" id="{6C168EFE-883A-4253-B597-F14B388CB0BE}"/>
              </a:ext>
            </a:extLst>
          </p:cNvPr>
          <p:cNvSpPr>
            <a:spLocks noChangeShapeType="1"/>
          </p:cNvSpPr>
          <p:nvPr/>
        </p:nvSpPr>
        <p:spPr bwMode="auto">
          <a:xfrm flipH="1" flipV="1">
            <a:off x="3113975" y="4258894"/>
            <a:ext cx="2011680" cy="3587"/>
          </a:xfrm>
          <a:prstGeom prst="line">
            <a:avLst/>
          </a:prstGeom>
          <a:noFill/>
          <a:ln w="28575" cap="rnd">
            <a:solidFill>
              <a:schemeClr val="accent6"/>
            </a:solidFill>
            <a:prstDash val="sysDash"/>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76" name="Line 203">
            <a:extLst>
              <a:ext uri="{FF2B5EF4-FFF2-40B4-BE49-F238E27FC236}">
                <a16:creationId xmlns:a16="http://schemas.microsoft.com/office/drawing/2014/main" id="{6D54C5AE-CD4B-420D-9C3C-AF1F65E731D7}"/>
              </a:ext>
            </a:extLst>
          </p:cNvPr>
          <p:cNvSpPr>
            <a:spLocks noChangeShapeType="1"/>
          </p:cNvSpPr>
          <p:nvPr/>
        </p:nvSpPr>
        <p:spPr bwMode="auto">
          <a:xfrm flipV="1">
            <a:off x="3132478" y="4782261"/>
            <a:ext cx="2011680" cy="0"/>
          </a:xfrm>
          <a:prstGeom prst="line">
            <a:avLst/>
          </a:prstGeom>
          <a:noFill/>
          <a:ln w="28575" cap="rnd">
            <a:solidFill>
              <a:schemeClr val="accent6"/>
            </a:solidFill>
            <a:prstDash val="sysDash"/>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78" name="Oval 188">
            <a:extLst>
              <a:ext uri="{FF2B5EF4-FFF2-40B4-BE49-F238E27FC236}">
                <a16:creationId xmlns:a16="http://schemas.microsoft.com/office/drawing/2014/main" id="{92FF9587-5209-40DD-8380-8E63F3A6F184}"/>
              </a:ext>
            </a:extLst>
          </p:cNvPr>
          <p:cNvSpPr>
            <a:spLocks noChangeArrowheads="1"/>
          </p:cNvSpPr>
          <p:nvPr/>
        </p:nvSpPr>
        <p:spPr bwMode="auto">
          <a:xfrm>
            <a:off x="3451212" y="4615523"/>
            <a:ext cx="645260" cy="271800"/>
          </a:xfrm>
          <a:prstGeom prst="rect">
            <a:avLst/>
          </a:prstGeom>
          <a:solidFill>
            <a:schemeClr val="accent6"/>
          </a:solidFill>
          <a:ln w="9525">
            <a:solidFill>
              <a:schemeClr val="accent6"/>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rPr>
              <a:t>LIBOR</a:t>
            </a:r>
          </a:p>
        </p:txBody>
      </p:sp>
      <p:sp>
        <p:nvSpPr>
          <p:cNvPr id="79" name="Line 203">
            <a:extLst>
              <a:ext uri="{FF2B5EF4-FFF2-40B4-BE49-F238E27FC236}">
                <a16:creationId xmlns:a16="http://schemas.microsoft.com/office/drawing/2014/main" id="{BD5688D8-4CE0-457A-A5EB-0F80ABA761D1}"/>
              </a:ext>
            </a:extLst>
          </p:cNvPr>
          <p:cNvSpPr>
            <a:spLocks noChangeShapeType="1"/>
          </p:cNvSpPr>
          <p:nvPr/>
        </p:nvSpPr>
        <p:spPr bwMode="auto">
          <a:xfrm>
            <a:off x="8532412" y="4414358"/>
            <a:ext cx="625496" cy="3588"/>
          </a:xfrm>
          <a:prstGeom prst="line">
            <a:avLst/>
          </a:prstGeom>
          <a:noFill/>
          <a:ln w="28575" cap="rnd">
            <a:solidFill>
              <a:srgbClr val="8D0E57"/>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80" name="Line 203">
            <a:extLst>
              <a:ext uri="{FF2B5EF4-FFF2-40B4-BE49-F238E27FC236}">
                <a16:creationId xmlns:a16="http://schemas.microsoft.com/office/drawing/2014/main" id="{043BB129-88E0-4CA5-90B5-3FD52D816D41}"/>
              </a:ext>
            </a:extLst>
          </p:cNvPr>
          <p:cNvSpPr>
            <a:spLocks noChangeShapeType="1"/>
          </p:cNvSpPr>
          <p:nvPr/>
        </p:nvSpPr>
        <p:spPr bwMode="auto">
          <a:xfrm flipV="1">
            <a:off x="7376591" y="4414358"/>
            <a:ext cx="799211" cy="0"/>
          </a:xfrm>
          <a:prstGeom prst="line">
            <a:avLst/>
          </a:prstGeom>
          <a:noFill/>
          <a:ln w="28575" cap="rnd">
            <a:solidFill>
              <a:schemeClr val="accent6"/>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81" name="Oval 188">
            <a:extLst>
              <a:ext uri="{FF2B5EF4-FFF2-40B4-BE49-F238E27FC236}">
                <a16:creationId xmlns:a16="http://schemas.microsoft.com/office/drawing/2014/main" id="{227FA305-D94D-4683-82EA-C73A12ADDD4D}"/>
              </a:ext>
            </a:extLst>
          </p:cNvPr>
          <p:cNvSpPr>
            <a:spLocks noChangeArrowheads="1"/>
          </p:cNvSpPr>
          <p:nvPr/>
        </p:nvSpPr>
        <p:spPr bwMode="auto">
          <a:xfrm>
            <a:off x="6797820" y="4272804"/>
            <a:ext cx="1194546" cy="271800"/>
          </a:xfrm>
          <a:prstGeom prst="rect">
            <a:avLst/>
          </a:prstGeom>
          <a:solidFill>
            <a:schemeClr val="accent6"/>
          </a:solidFill>
          <a:ln w="9525">
            <a:solidFill>
              <a:schemeClr val="accent6"/>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rPr>
              <a:t>Floating: LIBOR</a:t>
            </a:r>
          </a:p>
        </p:txBody>
      </p:sp>
      <p:sp>
        <p:nvSpPr>
          <p:cNvPr id="82" name="Oval 188">
            <a:extLst>
              <a:ext uri="{FF2B5EF4-FFF2-40B4-BE49-F238E27FC236}">
                <a16:creationId xmlns:a16="http://schemas.microsoft.com/office/drawing/2014/main" id="{E0D84227-0C11-4D3A-8778-82A01C932754}"/>
              </a:ext>
            </a:extLst>
          </p:cNvPr>
          <p:cNvSpPr>
            <a:spLocks noChangeArrowheads="1"/>
          </p:cNvSpPr>
          <p:nvPr/>
        </p:nvSpPr>
        <p:spPr bwMode="auto">
          <a:xfrm>
            <a:off x="8365628" y="4271215"/>
            <a:ext cx="551560" cy="276663"/>
          </a:xfrm>
          <a:prstGeom prst="rect">
            <a:avLst/>
          </a:prstGeom>
          <a:solidFill>
            <a:srgbClr val="8D0E57"/>
          </a:solidFill>
          <a:ln w="9525">
            <a:solidFill>
              <a:srgbClr val="8D0E57"/>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100">
                <a:solidFill>
                  <a:srgbClr val="FFFFFF"/>
                </a:solidFill>
                <a:latin typeface="Calibri" panose="020F0502020204030204"/>
              </a:rPr>
              <a:t>Spread</a:t>
            </a:r>
            <a:endPar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83" name="Cross 82">
            <a:extLst>
              <a:ext uri="{FF2B5EF4-FFF2-40B4-BE49-F238E27FC236}">
                <a16:creationId xmlns:a16="http://schemas.microsoft.com/office/drawing/2014/main" id="{E1A6C7C1-70CE-4931-90A2-A085D67CDF49}"/>
              </a:ext>
            </a:extLst>
          </p:cNvPr>
          <p:cNvSpPr/>
          <p:nvPr/>
        </p:nvSpPr>
        <p:spPr>
          <a:xfrm>
            <a:off x="8195264" y="4378861"/>
            <a:ext cx="91440" cy="99882"/>
          </a:xfrm>
          <a:prstGeom prst="plus">
            <a:avLst>
              <a:gd name="adj" fmla="val 35494"/>
            </a:avLst>
          </a:prstGeom>
          <a:solidFill>
            <a:schemeClr val="accent6"/>
          </a:solid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100">
              <a:solidFill>
                <a:schemeClr val="tx1"/>
              </a:solidFill>
            </a:endParaRPr>
          </a:p>
        </p:txBody>
      </p:sp>
      <p:sp>
        <p:nvSpPr>
          <p:cNvPr id="84" name="Rechteck 29">
            <a:extLst>
              <a:ext uri="{FF2B5EF4-FFF2-40B4-BE49-F238E27FC236}">
                <a16:creationId xmlns:a16="http://schemas.microsoft.com/office/drawing/2014/main" id="{D46C4E7A-AB3E-49C7-819A-D10B42B6A45E}"/>
              </a:ext>
            </a:extLst>
          </p:cNvPr>
          <p:cNvSpPr>
            <a:spLocks noChangeArrowheads="1"/>
          </p:cNvSpPr>
          <p:nvPr/>
        </p:nvSpPr>
        <p:spPr bwMode="gray">
          <a:xfrm>
            <a:off x="9238655" y="4074010"/>
            <a:ext cx="1272591" cy="1080275"/>
          </a:xfrm>
          <a:prstGeom prst="rect">
            <a:avLst/>
          </a:prstGeom>
          <a:solidFill>
            <a:schemeClr val="bg2"/>
          </a:solidFill>
          <a:ln w="95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tIns="91440" rtlCol="0" anchor="t"/>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200">
                <a:solidFill>
                  <a:srgbClr val="242424"/>
                </a:solidFill>
                <a:latin typeface="Calibri" panose="020F0502020204030204"/>
              </a:rPr>
              <a:t>Lender</a:t>
            </a:r>
            <a:endParaRPr kumimoji="0" lang="en-US" sz="1200" b="0" i="0" u="none" strike="noStrike" kern="1200" cap="none" spc="0" normalizeH="0" baseline="0" noProof="0">
              <a:ln>
                <a:noFill/>
              </a:ln>
              <a:solidFill>
                <a:srgbClr val="242424"/>
              </a:solidFill>
              <a:effectLst/>
              <a:uLnTx/>
              <a:uFillTx/>
              <a:latin typeface="Calibri" panose="020F0502020204030204"/>
              <a:ea typeface="+mn-ea"/>
              <a:cs typeface="+mn-cs"/>
            </a:endParaRPr>
          </a:p>
        </p:txBody>
      </p:sp>
      <p:pic>
        <p:nvPicPr>
          <p:cNvPr id="85" name="Picture 84">
            <a:extLst>
              <a:ext uri="{FF2B5EF4-FFF2-40B4-BE49-F238E27FC236}">
                <a16:creationId xmlns:a16="http://schemas.microsoft.com/office/drawing/2014/main" id="{9FD356B1-83D9-4619-9A5E-3D3A6494537B}"/>
              </a:ext>
            </a:extLst>
          </p:cNvPr>
          <p:cNvPicPr>
            <a:picLocks noChangeAspect="1"/>
          </p:cNvPicPr>
          <p:nvPr>
            <p:custDataLst>
              <p:tags r:id="rId1"/>
            </p:custDataLst>
          </p:nvPr>
        </p:nvPicPr>
        <p:blipFill rotWithShape="1">
          <a:blip r:embed="rId5"/>
          <a:srcRect/>
          <a:stretch/>
        </p:blipFill>
        <p:spPr>
          <a:xfrm>
            <a:off x="1773125" y="4166638"/>
            <a:ext cx="1013806" cy="1083863"/>
          </a:xfrm>
          <a:prstGeom prst="rect">
            <a:avLst/>
          </a:prstGeom>
        </p:spPr>
      </p:pic>
      <p:sp>
        <p:nvSpPr>
          <p:cNvPr id="86" name="Rechteck 29">
            <a:extLst>
              <a:ext uri="{FF2B5EF4-FFF2-40B4-BE49-F238E27FC236}">
                <a16:creationId xmlns:a16="http://schemas.microsoft.com/office/drawing/2014/main" id="{659F82A0-0C96-478A-9599-FB6B36EAC08E}"/>
              </a:ext>
            </a:extLst>
          </p:cNvPr>
          <p:cNvSpPr>
            <a:spLocks noChangeArrowheads="1"/>
          </p:cNvSpPr>
          <p:nvPr/>
        </p:nvSpPr>
        <p:spPr bwMode="gray">
          <a:xfrm>
            <a:off x="5316808" y="4074010"/>
            <a:ext cx="1272591" cy="1076688"/>
          </a:xfrm>
          <a:prstGeom prst="rect">
            <a:avLst/>
          </a:prstGeom>
          <a:solidFill>
            <a:schemeClr val="bg2"/>
          </a:solidFill>
          <a:ln w="95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tIns="91440" rtlCol="0" anchor="t"/>
          <a:lstStyle/>
          <a:p>
            <a:pPr algn="ctr" defTabSz="457200">
              <a:defRPr/>
            </a:pPr>
            <a:r>
              <a:rPr kumimoji="0" lang="en-US" sz="1200" b="0" i="0" u="none" strike="noStrike" kern="1200" cap="none" spc="0" normalizeH="0" baseline="0" noProof="0">
                <a:ln>
                  <a:noFill/>
                </a:ln>
                <a:solidFill>
                  <a:srgbClr val="242424"/>
                </a:solidFill>
                <a:effectLst/>
                <a:uLnTx/>
                <a:uFillTx/>
                <a:latin typeface="Calibri" panose="020F0502020204030204"/>
                <a:ea typeface="+mn-ea"/>
                <a:cs typeface="+mn-cs"/>
              </a:rPr>
              <a:t>Company</a:t>
            </a:r>
          </a:p>
        </p:txBody>
      </p:sp>
      <p:pic>
        <p:nvPicPr>
          <p:cNvPr id="87" name="Picture 86">
            <a:extLst>
              <a:ext uri="{FF2B5EF4-FFF2-40B4-BE49-F238E27FC236}">
                <a16:creationId xmlns:a16="http://schemas.microsoft.com/office/drawing/2014/main" id="{34E6978F-1E1F-43DB-B94D-F254A643B265}"/>
              </a:ext>
            </a:extLst>
          </p:cNvPr>
          <p:cNvPicPr>
            <a:picLocks noChangeAspect="1"/>
          </p:cNvPicPr>
          <p:nvPr>
            <p:custDataLst>
              <p:tags r:id="rId2"/>
            </p:custDataLst>
          </p:nvPr>
        </p:nvPicPr>
        <p:blipFill rotWithShape="1">
          <a:blip r:embed="rId6"/>
          <a:srcRect/>
          <a:stretch/>
        </p:blipFill>
        <p:spPr>
          <a:xfrm>
            <a:off x="5468174" y="4209492"/>
            <a:ext cx="1013806" cy="1083863"/>
          </a:xfrm>
          <a:prstGeom prst="rect">
            <a:avLst/>
          </a:prstGeom>
        </p:spPr>
      </p:pic>
      <p:pic>
        <p:nvPicPr>
          <p:cNvPr id="88" name="Picture 87">
            <a:extLst>
              <a:ext uri="{FF2B5EF4-FFF2-40B4-BE49-F238E27FC236}">
                <a16:creationId xmlns:a16="http://schemas.microsoft.com/office/drawing/2014/main" id="{852CE910-E332-462A-ABEE-D7B51ED9A331}"/>
              </a:ext>
            </a:extLst>
          </p:cNvPr>
          <p:cNvPicPr>
            <a:picLocks noChangeAspect="1"/>
          </p:cNvPicPr>
          <p:nvPr>
            <p:custDataLst>
              <p:tags r:id="rId3"/>
            </p:custDataLst>
          </p:nvPr>
        </p:nvPicPr>
        <p:blipFill rotWithShape="1">
          <a:blip r:embed="rId7">
            <a:extLst>
              <a:ext uri="{28A0092B-C50C-407E-A947-70E740481C1C}">
                <a14:useLocalDpi xmlns:a14="http://schemas.microsoft.com/office/drawing/2010/main" val="0"/>
              </a:ext>
            </a:extLst>
          </a:blip>
          <a:srcRect/>
          <a:stretch/>
        </p:blipFill>
        <p:spPr>
          <a:xfrm>
            <a:off x="9379042" y="4208225"/>
            <a:ext cx="1035895" cy="1035895"/>
          </a:xfrm>
          <a:prstGeom prst="rect">
            <a:avLst/>
          </a:prstGeom>
        </p:spPr>
      </p:pic>
      <p:sp>
        <p:nvSpPr>
          <p:cNvPr id="89" name="Oval 188">
            <a:extLst>
              <a:ext uri="{FF2B5EF4-FFF2-40B4-BE49-F238E27FC236}">
                <a16:creationId xmlns:a16="http://schemas.microsoft.com/office/drawing/2014/main" id="{D83EFF69-E8AD-495C-B09E-1635F4641A58}"/>
              </a:ext>
            </a:extLst>
          </p:cNvPr>
          <p:cNvSpPr>
            <a:spLocks noChangeArrowheads="1"/>
          </p:cNvSpPr>
          <p:nvPr/>
        </p:nvSpPr>
        <p:spPr bwMode="auto">
          <a:xfrm>
            <a:off x="4096472" y="4614919"/>
            <a:ext cx="723220" cy="276663"/>
          </a:xfrm>
          <a:prstGeom prst="rect">
            <a:avLst/>
          </a:prstGeom>
          <a:solidFill>
            <a:schemeClr val="accent2"/>
          </a:solidFill>
          <a:ln w="9525">
            <a:no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100">
                <a:solidFill>
                  <a:srgbClr val="FFFFFF"/>
                </a:solidFill>
                <a:latin typeface="Calibri" panose="020F0502020204030204"/>
              </a:rPr>
              <a:t>- cap strike</a:t>
            </a:r>
            <a:endPar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90" name="Oval 188">
            <a:extLst>
              <a:ext uri="{FF2B5EF4-FFF2-40B4-BE49-F238E27FC236}">
                <a16:creationId xmlns:a16="http://schemas.microsoft.com/office/drawing/2014/main" id="{37EF6FFA-5B6C-4C47-90B7-A227BCA10DB4}"/>
              </a:ext>
            </a:extLst>
          </p:cNvPr>
          <p:cNvSpPr>
            <a:spLocks noChangeArrowheads="1"/>
          </p:cNvSpPr>
          <p:nvPr/>
        </p:nvSpPr>
        <p:spPr bwMode="auto">
          <a:xfrm>
            <a:off x="3438973" y="4138299"/>
            <a:ext cx="645260" cy="271800"/>
          </a:xfrm>
          <a:prstGeom prst="rect">
            <a:avLst/>
          </a:prstGeom>
          <a:solidFill>
            <a:schemeClr val="accent2"/>
          </a:solidFill>
          <a:ln w="9525">
            <a:solidFill>
              <a:schemeClr val="accent6"/>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100">
                <a:solidFill>
                  <a:srgbClr val="FFFFFF"/>
                </a:solidFill>
                <a:latin typeface="Calibri" panose="020F0502020204030204"/>
              </a:rPr>
              <a:t>Floor strike</a:t>
            </a:r>
            <a:endPar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91" name="Oval 188">
            <a:extLst>
              <a:ext uri="{FF2B5EF4-FFF2-40B4-BE49-F238E27FC236}">
                <a16:creationId xmlns:a16="http://schemas.microsoft.com/office/drawing/2014/main" id="{45D431CC-5F11-4913-BF94-DD38A903355B}"/>
              </a:ext>
            </a:extLst>
          </p:cNvPr>
          <p:cNvSpPr>
            <a:spLocks noChangeArrowheads="1"/>
          </p:cNvSpPr>
          <p:nvPr/>
        </p:nvSpPr>
        <p:spPr bwMode="auto">
          <a:xfrm>
            <a:off x="4084233" y="4137695"/>
            <a:ext cx="723220" cy="276663"/>
          </a:xfrm>
          <a:prstGeom prst="rect">
            <a:avLst/>
          </a:prstGeom>
          <a:solidFill>
            <a:schemeClr val="accent6"/>
          </a:solidFill>
          <a:ln w="9525">
            <a:no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100">
                <a:solidFill>
                  <a:srgbClr val="FFFFFF"/>
                </a:solidFill>
                <a:latin typeface="Calibri" panose="020F0502020204030204"/>
              </a:rPr>
              <a:t>-  LIBOR</a:t>
            </a:r>
            <a:endPar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2996172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813C75-DD40-4CEA-AC74-50B70E49AAA7}"/>
              </a:ext>
            </a:extLst>
          </p:cNvPr>
          <p:cNvSpPr>
            <a:spLocks noGrp="1"/>
          </p:cNvSpPr>
          <p:nvPr>
            <p:ph type="title"/>
          </p:nvPr>
        </p:nvSpPr>
        <p:spPr/>
        <p:txBody>
          <a:bodyPr/>
          <a:lstStyle/>
          <a:p>
            <a:r>
              <a:rPr lang="en-US"/>
              <a:t>Interest rate collars</a:t>
            </a:r>
          </a:p>
        </p:txBody>
      </p:sp>
      <p:sp>
        <p:nvSpPr>
          <p:cNvPr id="4" name="Slide Number Placeholder 3">
            <a:extLst>
              <a:ext uri="{FF2B5EF4-FFF2-40B4-BE49-F238E27FC236}">
                <a16:creationId xmlns:a16="http://schemas.microsoft.com/office/drawing/2014/main" id="{6F562347-7A90-4138-A5ED-05CCB2D410D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17</a:t>
            </a:fld>
            <a:endParaRPr lang="en-US">
              <a:solidFill>
                <a:srgbClr val="1F2322"/>
              </a:solidFill>
            </a:endParaRPr>
          </a:p>
        </p:txBody>
      </p:sp>
      <p:sp>
        <p:nvSpPr>
          <p:cNvPr id="5" name="Text Placeholder 4">
            <a:extLst>
              <a:ext uri="{FF2B5EF4-FFF2-40B4-BE49-F238E27FC236}">
                <a16:creationId xmlns:a16="http://schemas.microsoft.com/office/drawing/2014/main" id="{E65D862A-FF32-42A7-8A30-73A76BDE1A1E}"/>
              </a:ext>
            </a:extLst>
          </p:cNvPr>
          <p:cNvSpPr>
            <a:spLocks noGrp="1"/>
          </p:cNvSpPr>
          <p:nvPr>
            <p:ph type="body" sz="quarter" idx="11"/>
          </p:nvPr>
        </p:nvSpPr>
        <p:spPr/>
        <p:txBody>
          <a:bodyPr/>
          <a:lstStyle/>
          <a:p>
            <a:r>
              <a:rPr lang="en-US"/>
              <a:t>Use multiple products to create a custom band of outcomes</a:t>
            </a:r>
          </a:p>
        </p:txBody>
      </p:sp>
      <p:cxnSp>
        <p:nvCxnSpPr>
          <p:cNvPr id="6" name="Straight Arrow Connector 5">
            <a:extLst>
              <a:ext uri="{FF2B5EF4-FFF2-40B4-BE49-F238E27FC236}">
                <a16:creationId xmlns:a16="http://schemas.microsoft.com/office/drawing/2014/main" id="{61855CC9-8C65-4114-9066-F9B4B55C5EE4}"/>
              </a:ext>
            </a:extLst>
          </p:cNvPr>
          <p:cNvCxnSpPr>
            <a:cxnSpLocks/>
          </p:cNvCxnSpPr>
          <p:nvPr/>
        </p:nvCxnSpPr>
        <p:spPr>
          <a:xfrm>
            <a:off x="1107948" y="4811310"/>
            <a:ext cx="4466357" cy="0"/>
          </a:xfrm>
          <a:prstGeom prst="straightConnector1">
            <a:avLst/>
          </a:prstGeom>
          <a:ln w="19050">
            <a:solidFill>
              <a:schemeClr val="accent6"/>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 name="Rectangle 6">
            <a:extLst>
              <a:ext uri="{FF2B5EF4-FFF2-40B4-BE49-F238E27FC236}">
                <a16:creationId xmlns:a16="http://schemas.microsoft.com/office/drawing/2014/main" id="{2066CA7C-51D5-4791-83DA-8B8648B7DB6F}"/>
              </a:ext>
            </a:extLst>
          </p:cNvPr>
          <p:cNvSpPr/>
          <p:nvPr/>
        </p:nvSpPr>
        <p:spPr>
          <a:xfrm>
            <a:off x="2763818" y="4640205"/>
            <a:ext cx="1154617" cy="342210"/>
          </a:xfrm>
          <a:prstGeom prst="rect">
            <a:avLst/>
          </a:prstGeom>
          <a:solidFill>
            <a:schemeClr val="bg1"/>
          </a:solidFill>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Advantages</a:t>
            </a:r>
          </a:p>
        </p:txBody>
      </p:sp>
      <p:sp>
        <p:nvSpPr>
          <p:cNvPr id="8" name="TextBox 7">
            <a:extLst>
              <a:ext uri="{FF2B5EF4-FFF2-40B4-BE49-F238E27FC236}">
                <a16:creationId xmlns:a16="http://schemas.microsoft.com/office/drawing/2014/main" id="{C112A38C-5CA0-4A81-B775-271228602B8C}"/>
              </a:ext>
            </a:extLst>
          </p:cNvPr>
          <p:cNvSpPr txBox="1"/>
          <p:nvPr/>
        </p:nvSpPr>
        <p:spPr>
          <a:xfrm>
            <a:off x="1103084" y="5010423"/>
            <a:ext cx="4476084" cy="664361"/>
          </a:xfrm>
          <a:prstGeom prst="rect">
            <a:avLst/>
          </a:prstGeom>
          <a:noFill/>
          <a:ln>
            <a:noFill/>
          </a:ln>
        </p:spPr>
        <p:txBody>
          <a:bodyPr wrap="square" lIns="0" tIns="0" rIns="0" bIns="0" rtlCol="0">
            <a:noAutofit/>
          </a:bodyPr>
          <a:lstStyle/>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Certainty of best and worst-case result</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Allows fluctuation within a chosen tolerance</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Can be structured in a way that requires no out of pocket cost</a:t>
            </a:r>
          </a:p>
        </p:txBody>
      </p:sp>
      <p:sp>
        <p:nvSpPr>
          <p:cNvPr id="9" name="TextBox 8">
            <a:extLst>
              <a:ext uri="{FF2B5EF4-FFF2-40B4-BE49-F238E27FC236}">
                <a16:creationId xmlns:a16="http://schemas.microsoft.com/office/drawing/2014/main" id="{87097063-E6DD-40D4-9258-5FEF6695E7D7}"/>
              </a:ext>
            </a:extLst>
          </p:cNvPr>
          <p:cNvSpPr txBox="1"/>
          <p:nvPr/>
        </p:nvSpPr>
        <p:spPr>
          <a:xfrm>
            <a:off x="6596820" y="5010423"/>
            <a:ext cx="4466357" cy="775093"/>
          </a:xfrm>
          <a:prstGeom prst="rect">
            <a:avLst/>
          </a:prstGeom>
          <a:noFill/>
          <a:ln>
            <a:noFill/>
          </a:ln>
        </p:spPr>
        <p:txBody>
          <a:bodyPr wrap="square" lIns="0" tIns="0" rIns="0" bIns="0" rtlCol="0">
            <a:noAutofit/>
          </a:bodyPr>
          <a:lstStyle/>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Limits “upside” participation</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Less “downside” protection than forward</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Hedge can be a large liability</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Can present pricing inefficiencies</a:t>
            </a:r>
          </a:p>
        </p:txBody>
      </p:sp>
      <p:cxnSp>
        <p:nvCxnSpPr>
          <p:cNvPr id="10" name="Straight Arrow Connector 9">
            <a:extLst>
              <a:ext uri="{FF2B5EF4-FFF2-40B4-BE49-F238E27FC236}">
                <a16:creationId xmlns:a16="http://schemas.microsoft.com/office/drawing/2014/main" id="{6F7B4D2C-E941-4409-828F-05E8BD92752A}"/>
              </a:ext>
            </a:extLst>
          </p:cNvPr>
          <p:cNvCxnSpPr>
            <a:cxnSpLocks/>
          </p:cNvCxnSpPr>
          <p:nvPr/>
        </p:nvCxnSpPr>
        <p:spPr>
          <a:xfrm>
            <a:off x="6596820" y="4811310"/>
            <a:ext cx="4466357" cy="0"/>
          </a:xfrm>
          <a:prstGeom prst="straightConnector1">
            <a:avLst/>
          </a:prstGeom>
          <a:ln w="19050">
            <a:solidFill>
              <a:srgbClr val="8D0E47"/>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Rectangle 10">
            <a:extLst>
              <a:ext uri="{FF2B5EF4-FFF2-40B4-BE49-F238E27FC236}">
                <a16:creationId xmlns:a16="http://schemas.microsoft.com/office/drawing/2014/main" id="{AFEB3C11-16C0-47D4-8F05-48340114B7E9}"/>
              </a:ext>
            </a:extLst>
          </p:cNvPr>
          <p:cNvSpPr/>
          <p:nvPr/>
        </p:nvSpPr>
        <p:spPr>
          <a:xfrm>
            <a:off x="8142012" y="4640205"/>
            <a:ext cx="1375973" cy="342210"/>
          </a:xfrm>
          <a:prstGeom prst="rect">
            <a:avLst/>
          </a:prstGeom>
          <a:solidFill>
            <a:schemeClr val="bg1"/>
          </a:solidFill>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Disadvantages</a:t>
            </a:r>
          </a:p>
        </p:txBody>
      </p:sp>
      <p:cxnSp>
        <p:nvCxnSpPr>
          <p:cNvPr id="12" name="Straight Arrow Connector 11">
            <a:extLst>
              <a:ext uri="{FF2B5EF4-FFF2-40B4-BE49-F238E27FC236}">
                <a16:creationId xmlns:a16="http://schemas.microsoft.com/office/drawing/2014/main" id="{D033ED8C-C602-44FE-9623-10249890F735}"/>
              </a:ext>
            </a:extLst>
          </p:cNvPr>
          <p:cNvCxnSpPr>
            <a:cxnSpLocks/>
          </p:cNvCxnSpPr>
          <p:nvPr/>
        </p:nvCxnSpPr>
        <p:spPr>
          <a:xfrm>
            <a:off x="6096000" y="4862109"/>
            <a:ext cx="0" cy="846017"/>
          </a:xfrm>
          <a:prstGeom prst="straightConnector1">
            <a:avLst/>
          </a:prstGeom>
          <a:ln w="12700">
            <a:solidFill>
              <a:schemeClr val="bg1">
                <a:lumMod val="75000"/>
              </a:schemeClr>
            </a:solidFill>
            <a:prstDash val="dash"/>
            <a:headEnd type="none" w="med" len="med"/>
            <a:tailEnd type="none" w="med" len="med"/>
          </a:ln>
        </p:spPr>
        <p:style>
          <a:lnRef idx="1">
            <a:schemeClr val="accent1"/>
          </a:lnRef>
          <a:fillRef idx="0">
            <a:schemeClr val="accent1"/>
          </a:fillRef>
          <a:effectRef idx="0">
            <a:schemeClr val="accent1"/>
          </a:effectRef>
          <a:fontRef idx="minor">
            <a:schemeClr val="tx1"/>
          </a:fontRef>
        </p:style>
      </p:cxnSp>
      <p:graphicFrame>
        <p:nvGraphicFramePr>
          <p:cNvPr id="13" name="Chart 12">
            <a:extLst>
              <a:ext uri="{FF2B5EF4-FFF2-40B4-BE49-F238E27FC236}">
                <a16:creationId xmlns:a16="http://schemas.microsoft.com/office/drawing/2014/main" id="{135DE381-92E7-465F-9102-B6A298EE3646}"/>
              </a:ext>
            </a:extLst>
          </p:cNvPr>
          <p:cNvGraphicFramePr>
            <a:graphicFrameLocks/>
          </p:cNvGraphicFramePr>
          <p:nvPr>
            <p:extLst>
              <p:ext uri="{D42A27DB-BD31-4B8C-83A1-F6EECF244321}">
                <p14:modId xmlns:p14="http://schemas.microsoft.com/office/powerpoint/2010/main" val="4243260132"/>
              </p:ext>
            </p:extLst>
          </p:nvPr>
        </p:nvGraphicFramePr>
        <p:xfrm>
          <a:off x="6318504" y="1640740"/>
          <a:ext cx="4855464" cy="2743200"/>
        </p:xfrm>
        <a:graphic>
          <a:graphicData uri="http://schemas.openxmlformats.org/drawingml/2006/chart">
            <c:chart xmlns:c="http://schemas.openxmlformats.org/drawingml/2006/chart" xmlns:r="http://schemas.openxmlformats.org/officeDocument/2006/relationships" r:id="rId2"/>
          </a:graphicData>
        </a:graphic>
      </p:graphicFrame>
      <p:sp>
        <p:nvSpPr>
          <p:cNvPr id="16" name="Rectangle 15">
            <a:extLst>
              <a:ext uri="{FF2B5EF4-FFF2-40B4-BE49-F238E27FC236}">
                <a16:creationId xmlns:a16="http://schemas.microsoft.com/office/drawing/2014/main" id="{3C6DA031-A389-4081-A3ED-025E1E0B1FAD}"/>
              </a:ext>
            </a:extLst>
          </p:cNvPr>
          <p:cNvSpPr/>
          <p:nvPr/>
        </p:nvSpPr>
        <p:spPr>
          <a:xfrm>
            <a:off x="762000" y="1540382"/>
            <a:ext cx="4236720" cy="342210"/>
          </a:xfrm>
          <a:prstGeom prst="rect">
            <a:avLst/>
          </a:prstGeom>
          <a:solidFill>
            <a:schemeClr val="bg1"/>
          </a:solidFill>
        </p:spPr>
        <p:txBody>
          <a:bodyPr wrap="square" anchor="ctr">
            <a:spAutoFit/>
          </a:bodyPr>
          <a:lstStyle/>
          <a:p>
            <a:pPr marL="0" marR="0" lvl="0" indent="0" defTabSz="457200" rtl="0" eaLnBrk="0" fontAlgn="base" latinLnBrk="0" hangingPunct="0">
              <a:lnSpc>
                <a:spcPct val="106000"/>
              </a:lnSpc>
              <a:spcBef>
                <a:spcPct val="0"/>
              </a:spcBef>
              <a:spcAft>
                <a:spcPct val="0"/>
              </a:spcAft>
              <a:buClrTx/>
              <a:buSzTx/>
              <a:buFontTx/>
              <a:buNone/>
              <a:tabLst/>
              <a:defRPr/>
            </a:pPr>
            <a:r>
              <a:rPr lang="en-US" sz="1600">
                <a:latin typeface="Calibri" panose="020F0502020204030204"/>
                <a:ea typeface="Verdana" panose="020B0604030504040204" pitchFamily="34" charset="0"/>
              </a:rPr>
              <a:t>Zero-cost c</a:t>
            </a:r>
            <a:r>
              <a:rPr kumimoji="0" lang="en-US" sz="1600" b="0" i="0" u="none" strike="noStrike" kern="1200" cap="none" spc="0" normalizeH="0" baseline="0" noProof="0" err="1">
                <a:ln>
                  <a:noFill/>
                </a:ln>
                <a:effectLst/>
                <a:uLnTx/>
                <a:uFillTx/>
                <a:latin typeface="Calibri" panose="020F0502020204030204"/>
                <a:ea typeface="Verdana" panose="020B0604030504040204" pitchFamily="34" charset="0"/>
                <a:cs typeface="+mn-cs"/>
              </a:rPr>
              <a:t>ollar</a:t>
            </a: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 indications</a:t>
            </a:r>
          </a:p>
        </p:txBody>
      </p:sp>
      <p:graphicFrame>
        <p:nvGraphicFramePr>
          <p:cNvPr id="17" name="Table 16">
            <a:extLst>
              <a:ext uri="{FF2B5EF4-FFF2-40B4-BE49-F238E27FC236}">
                <a16:creationId xmlns:a16="http://schemas.microsoft.com/office/drawing/2014/main" id="{4705FC9E-C0C4-47E7-A06F-61516902BBB4}"/>
              </a:ext>
            </a:extLst>
          </p:cNvPr>
          <p:cNvGraphicFramePr>
            <a:graphicFrameLocks noGrp="1"/>
          </p:cNvGraphicFramePr>
          <p:nvPr>
            <p:extLst>
              <p:ext uri="{D42A27DB-BD31-4B8C-83A1-F6EECF244321}">
                <p14:modId xmlns:p14="http://schemas.microsoft.com/office/powerpoint/2010/main" val="1146307377"/>
              </p:ext>
            </p:extLst>
          </p:nvPr>
        </p:nvGraphicFramePr>
        <p:xfrm>
          <a:off x="900727" y="2034324"/>
          <a:ext cx="4158953" cy="1394676"/>
        </p:xfrm>
        <a:graphic>
          <a:graphicData uri="http://schemas.openxmlformats.org/drawingml/2006/table">
            <a:tbl>
              <a:tblPr>
                <a:tableStyleId>{5C22544A-7EE6-4342-B048-85BDC9FD1C3A}</a:tableStyleId>
              </a:tblPr>
              <a:tblGrid>
                <a:gridCol w="1565671">
                  <a:extLst>
                    <a:ext uri="{9D8B030D-6E8A-4147-A177-3AD203B41FA5}">
                      <a16:colId xmlns:a16="http://schemas.microsoft.com/office/drawing/2014/main" val="539722141"/>
                    </a:ext>
                  </a:extLst>
                </a:gridCol>
                <a:gridCol w="1565671">
                  <a:extLst>
                    <a:ext uri="{9D8B030D-6E8A-4147-A177-3AD203B41FA5}">
                      <a16:colId xmlns:a16="http://schemas.microsoft.com/office/drawing/2014/main" val="2788936833"/>
                    </a:ext>
                  </a:extLst>
                </a:gridCol>
                <a:gridCol w="1027611">
                  <a:extLst>
                    <a:ext uri="{9D8B030D-6E8A-4147-A177-3AD203B41FA5}">
                      <a16:colId xmlns:a16="http://schemas.microsoft.com/office/drawing/2014/main" val="3571159346"/>
                    </a:ext>
                  </a:extLst>
                </a:gridCol>
              </a:tblGrid>
              <a:tr h="348669">
                <a:tc gridSpan="3">
                  <a:txBody>
                    <a:bodyPr/>
                    <a:lstStyle/>
                    <a:p>
                      <a:pPr algn="ctr" fontAlgn="ctr"/>
                      <a:r>
                        <a:rPr lang="en-US" sz="1100" b="0" i="0" u="none" strike="noStrike">
                          <a:solidFill>
                            <a:schemeClr val="bg1"/>
                          </a:solidFill>
                          <a:effectLst/>
                          <a:latin typeface="Calibri" panose="020F0502020204030204" pitchFamily="34" charset="0"/>
                        </a:rPr>
                        <a:t>3-year</a:t>
                      </a: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accent1"/>
                    </a:solidFill>
                  </a:tcPr>
                </a:tc>
                <a:tc hMerge="1">
                  <a:txBody>
                    <a:bodyPr/>
                    <a:lstStyle/>
                    <a:p>
                      <a:pPr algn="ctr" fontAlgn="ctr"/>
                      <a:r>
                        <a:rPr lang="en-US" sz="1100" u="none" strike="noStrike">
                          <a:solidFill>
                            <a:schemeClr val="bg1"/>
                          </a:solidFill>
                          <a:effectLst/>
                        </a:rPr>
                        <a:t>2-year</a:t>
                      </a:r>
                      <a:endParaRPr lang="en-US" sz="1100" b="0"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tx2"/>
                    </a:solidFill>
                  </a:tcPr>
                </a:tc>
                <a:tc hMerge="1">
                  <a:txBody>
                    <a:bodyPr/>
                    <a:lstStyle/>
                    <a:p>
                      <a:pPr algn="ctr" fontAlgn="ctr"/>
                      <a:r>
                        <a:rPr lang="en-US" sz="1100" b="0" i="0" u="none" strike="noStrike">
                          <a:solidFill>
                            <a:schemeClr val="bg1"/>
                          </a:solidFill>
                          <a:effectLst/>
                          <a:latin typeface="Calibri" panose="020F0502020204030204" pitchFamily="34" charset="0"/>
                        </a:rPr>
                        <a:t>Premium</a:t>
                      </a: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tx2"/>
                    </a:solidFill>
                  </a:tcPr>
                </a:tc>
                <a:extLst>
                  <a:ext uri="{0D108BD9-81ED-4DB2-BD59-A6C34878D82A}">
                    <a16:rowId xmlns:a16="http://schemas.microsoft.com/office/drawing/2014/main" val="1949739524"/>
                  </a:ext>
                </a:extLst>
              </a:tr>
              <a:tr h="348669">
                <a:tc>
                  <a:txBody>
                    <a:bodyPr/>
                    <a:lstStyle/>
                    <a:p>
                      <a:pPr algn="ctr" fontAlgn="ctr"/>
                      <a:r>
                        <a:rPr lang="en-US" sz="1100" b="0" i="0" u="none" strike="noStrike">
                          <a:solidFill>
                            <a:srgbClr val="1F2322"/>
                          </a:solidFill>
                          <a:effectLst/>
                          <a:latin typeface="Calibri" panose="020F0502020204030204" pitchFamily="34" charset="0"/>
                        </a:rPr>
                        <a:t>Cap strike</a:t>
                      </a: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ctr"/>
                      <a:r>
                        <a:rPr lang="en-US" sz="1100" b="0" i="0" u="none" strike="noStrike">
                          <a:solidFill>
                            <a:srgbClr val="1F2322"/>
                          </a:solidFill>
                          <a:effectLst/>
                          <a:latin typeface="Calibri" panose="020F0502020204030204" pitchFamily="34" charset="0"/>
                        </a:rPr>
                        <a:t>Put strike</a:t>
                      </a: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b="0" i="0" u="none" strike="noStrike">
                          <a:solidFill>
                            <a:srgbClr val="1F2322"/>
                          </a:solidFill>
                          <a:effectLst/>
                          <a:latin typeface="Calibri" panose="020F0502020204030204" pitchFamily="34" charset="0"/>
                        </a:rPr>
                        <a:t>Cost</a:t>
                      </a: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3982226171"/>
                  </a:ext>
                </a:extLst>
              </a:tr>
              <a:tr h="348669">
                <a:tc>
                  <a:txBody>
                    <a:bodyPr/>
                    <a:lstStyle/>
                    <a:p>
                      <a:pPr algn="ctr" fontAlgn="ctr"/>
                      <a:r>
                        <a:rPr lang="en-US" sz="1100" u="none" strike="noStrike">
                          <a:effectLst/>
                        </a:rPr>
                        <a:t>3.5%</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ctr"/>
                      <a:r>
                        <a:rPr lang="en-US" sz="1100" u="none" strike="noStrike">
                          <a:effectLst/>
                        </a:rPr>
                        <a:t>2.6%</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b="0" i="0" u="none" strike="noStrike">
                          <a:solidFill>
                            <a:srgbClr val="1F2322"/>
                          </a:solidFill>
                          <a:effectLst/>
                          <a:latin typeface="Calibri" panose="020F0502020204030204" pitchFamily="34" charset="0"/>
                        </a:rPr>
                        <a:t>$ -</a:t>
                      </a: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4124532190"/>
                  </a:ext>
                </a:extLst>
              </a:tr>
              <a:tr h="348669">
                <a:tc>
                  <a:txBody>
                    <a:bodyPr/>
                    <a:lstStyle/>
                    <a:p>
                      <a:pPr algn="ctr" fontAlgn="ctr"/>
                      <a:r>
                        <a:rPr lang="en-US" sz="1100" u="none" strike="noStrike">
                          <a:effectLst/>
                        </a:rPr>
                        <a:t>4.0%</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fontAlgn="ctr"/>
                      <a:r>
                        <a:rPr lang="en-US" sz="1100" u="none" strike="noStrike">
                          <a:effectLst/>
                        </a:rPr>
                        <a:t>2.4%</a:t>
                      </a:r>
                      <a:endParaRPr lang="en-US" sz="1100" b="0" i="0" u="none" strike="noStrike">
                        <a:solidFill>
                          <a:srgbClr val="1F2322"/>
                        </a:solidFill>
                        <a:effectLst/>
                        <a:latin typeface="Calibri" panose="020F0502020204030204" pitchFamily="34" charset="0"/>
                      </a:endParaRP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ctr"/>
                      <a:r>
                        <a:rPr lang="en-US" sz="1100" b="0" i="0" u="none" strike="noStrike">
                          <a:solidFill>
                            <a:srgbClr val="1F2322"/>
                          </a:solidFill>
                          <a:effectLst/>
                          <a:latin typeface="Calibri" panose="020F0502020204030204" pitchFamily="34" charset="0"/>
                        </a:rPr>
                        <a:t>$ -</a:t>
                      </a:r>
                    </a:p>
                  </a:txBody>
                  <a:tcPr marL="9525" marR="9525" marT="9525" marB="0"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3612051122"/>
                  </a:ext>
                </a:extLst>
              </a:tr>
            </a:tbl>
          </a:graphicData>
        </a:graphic>
      </p:graphicFrame>
      <p:sp>
        <p:nvSpPr>
          <p:cNvPr id="18" name="Content Placeholder 7">
            <a:extLst>
              <a:ext uri="{FF2B5EF4-FFF2-40B4-BE49-F238E27FC236}">
                <a16:creationId xmlns:a16="http://schemas.microsoft.com/office/drawing/2014/main" id="{245B9551-5EF8-44A5-884E-84D0C47A2B47}"/>
              </a:ext>
            </a:extLst>
          </p:cNvPr>
          <p:cNvSpPr txBox="1">
            <a:spLocks/>
          </p:cNvSpPr>
          <p:nvPr/>
        </p:nvSpPr>
        <p:spPr>
          <a:xfrm>
            <a:off x="3248644" y="3518994"/>
            <a:ext cx="1811036" cy="162221"/>
          </a:xfrm>
          <a:prstGeom prst="rect">
            <a:avLst/>
          </a:prstGeom>
        </p:spPr>
        <p:txBody>
          <a:bodyPr vert="horz" lIns="0" tIns="0" rIns="0" bIns="0" rtlCol="0">
            <a:noAutofit/>
          </a:bodyPr>
          <a:lstStyle>
            <a:lvl1pPr marL="6879" indent="0" algn="l" defTabSz="990564" rtl="0" eaLnBrk="1" latinLnBrk="0" hangingPunct="1">
              <a:lnSpc>
                <a:spcPct val="110000"/>
              </a:lnSpc>
              <a:spcBef>
                <a:spcPts val="0"/>
              </a:spcBef>
              <a:spcAft>
                <a:spcPts val="433"/>
              </a:spcAft>
              <a:buFont typeface="Arial" panose="020B0604020202020204" pitchFamily="34" charset="0"/>
              <a:buNone/>
              <a:tabLst/>
              <a:defRPr sz="1517" kern="1200">
                <a:solidFill>
                  <a:schemeClr val="tx1"/>
                </a:solidFill>
                <a:latin typeface="+mn-lt"/>
                <a:ea typeface="+mn-ea"/>
                <a:cs typeface="+mn-cs"/>
              </a:defRPr>
            </a:lvl1pPr>
            <a:lvl2pPr marL="373182" indent="-184012" algn="l" defTabSz="990564" rtl="0" eaLnBrk="1" latinLnBrk="0" hangingPunct="1">
              <a:lnSpc>
                <a:spcPct val="110000"/>
              </a:lnSpc>
              <a:spcBef>
                <a:spcPts val="0"/>
              </a:spcBef>
              <a:spcAft>
                <a:spcPts val="433"/>
              </a:spcAft>
              <a:buFont typeface="Courier New" panose="02070309020205020404" pitchFamily="49" charset="0"/>
              <a:buChar char="o"/>
              <a:tabLst/>
              <a:defRPr sz="1300" kern="1200">
                <a:solidFill>
                  <a:schemeClr val="tx1"/>
                </a:solidFill>
                <a:latin typeface="+mn-lt"/>
                <a:ea typeface="+mn-ea"/>
                <a:cs typeface="+mn-cs"/>
              </a:defRPr>
            </a:lvl2pPr>
            <a:lvl3pPr marL="562352" indent="-189170" algn="l" defTabSz="990564" rtl="0" eaLnBrk="1" latinLnBrk="0" hangingPunct="1">
              <a:lnSpc>
                <a:spcPct val="110000"/>
              </a:lnSpc>
              <a:spcBef>
                <a:spcPts val="0"/>
              </a:spcBef>
              <a:spcAft>
                <a:spcPts val="433"/>
              </a:spcAft>
              <a:buFont typeface="Calibri" panose="020F0502020204030204" pitchFamily="34" charset="0"/>
              <a:buChar char="–"/>
              <a:tabLst/>
              <a:defRPr sz="1300" kern="1200">
                <a:solidFill>
                  <a:schemeClr val="tx1"/>
                </a:solidFill>
                <a:latin typeface="+mn-lt"/>
                <a:ea typeface="+mn-ea"/>
                <a:cs typeface="+mn-cs"/>
              </a:defRPr>
            </a:lvl3pPr>
            <a:lvl4pPr marL="746362" indent="-184012" algn="l" defTabSz="990564" rtl="0" eaLnBrk="1" latinLnBrk="0" hangingPunct="1">
              <a:lnSpc>
                <a:spcPct val="110000"/>
              </a:lnSpc>
              <a:spcBef>
                <a:spcPts val="0"/>
              </a:spcBef>
              <a:spcAft>
                <a:spcPts val="433"/>
              </a:spcAft>
              <a:buFont typeface="Arial" panose="020B0604020202020204" pitchFamily="34" charset="0"/>
              <a:buChar char="•"/>
              <a:tabLst/>
              <a:defRPr sz="1083" kern="1200">
                <a:solidFill>
                  <a:schemeClr val="tx1"/>
                </a:solidFill>
                <a:latin typeface="+mn-lt"/>
                <a:ea typeface="+mn-ea"/>
                <a:cs typeface="+mn-cs"/>
              </a:defRPr>
            </a:lvl4pPr>
            <a:lvl5pPr marL="930374" indent="-182291" algn="l" defTabSz="990564" rtl="0" eaLnBrk="1" latinLnBrk="0" hangingPunct="1">
              <a:lnSpc>
                <a:spcPct val="110000"/>
              </a:lnSpc>
              <a:spcBef>
                <a:spcPts val="0"/>
              </a:spcBef>
              <a:spcAft>
                <a:spcPts val="433"/>
              </a:spcAft>
              <a:buFont typeface="Courier New" panose="02070309020205020404" pitchFamily="49" charset="0"/>
              <a:buChar char="o"/>
              <a:tabLst/>
              <a:defRPr sz="1083" kern="1200">
                <a:solidFill>
                  <a:schemeClr val="tx1"/>
                </a:solidFill>
                <a:latin typeface="+mn-lt"/>
                <a:ea typeface="+mn-ea"/>
                <a:cs typeface="+mn-cs"/>
              </a:defRPr>
            </a:lvl5pPr>
            <a:lvl6pPr marL="2724050"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6pPr>
            <a:lvl7pPr marL="3219333"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7pPr>
            <a:lvl8pPr marL="3714614"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8pPr>
            <a:lvl9pPr marL="4209896"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9pPr>
          </a:lstStyle>
          <a:p>
            <a:pPr algn="r"/>
            <a:r>
              <a:rPr lang="en-US" sz="900" i="1"/>
              <a:t>Rates data as of May 5, 2022</a:t>
            </a:r>
          </a:p>
          <a:p>
            <a:pPr algn="r"/>
            <a:endParaRPr lang="en-US" sz="900" b="1" i="1">
              <a:solidFill>
                <a:schemeClr val="accent2"/>
              </a:solidFill>
            </a:endParaRPr>
          </a:p>
        </p:txBody>
      </p:sp>
    </p:spTree>
    <p:extLst>
      <p:ext uri="{BB962C8B-B14F-4D97-AF65-F5344CB8AC3E}">
        <p14:creationId xmlns:p14="http://schemas.microsoft.com/office/powerpoint/2010/main" val="96028129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90044EF2-3229-45B2-8020-454B0713A3DE}"/>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18</a:t>
            </a:fld>
            <a:endParaRPr lang="en-US">
              <a:solidFill>
                <a:srgbClr val="1F2322"/>
              </a:solidFill>
            </a:endParaRPr>
          </a:p>
        </p:txBody>
      </p:sp>
      <p:sp>
        <p:nvSpPr>
          <p:cNvPr id="3" name="Text Placeholder 2">
            <a:extLst>
              <a:ext uri="{FF2B5EF4-FFF2-40B4-BE49-F238E27FC236}">
                <a16:creationId xmlns:a16="http://schemas.microsoft.com/office/drawing/2014/main" id="{C205619C-2BB7-41F8-BD36-4FEB8B88295F}"/>
              </a:ext>
            </a:extLst>
          </p:cNvPr>
          <p:cNvSpPr>
            <a:spLocks noGrp="1"/>
          </p:cNvSpPr>
          <p:nvPr>
            <p:ph type="body" sz="quarter" idx="11"/>
          </p:nvPr>
        </p:nvSpPr>
        <p:spPr/>
        <p:txBody>
          <a:bodyPr/>
          <a:lstStyle/>
          <a:p>
            <a:r>
              <a:rPr lang="en-US"/>
              <a:t>Advanced interest rate hedging strategies</a:t>
            </a:r>
          </a:p>
        </p:txBody>
      </p:sp>
    </p:spTree>
    <p:custDataLst>
      <p:custData r:id="rId1"/>
      <p:custData r:id="rId2"/>
    </p:custDataLst>
    <p:extLst>
      <p:ext uri="{BB962C8B-B14F-4D97-AF65-F5344CB8AC3E}">
        <p14:creationId xmlns:p14="http://schemas.microsoft.com/office/powerpoint/2010/main" val="412717667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 name="Text Placeholder 4">
            <a:extLst>
              <a:ext uri="{FF2B5EF4-FFF2-40B4-BE49-F238E27FC236}">
                <a16:creationId xmlns:a16="http://schemas.microsoft.com/office/drawing/2014/main" id="{68434A87-02C8-49A0-BEA2-CD4BB5B17560}"/>
              </a:ext>
            </a:extLst>
          </p:cNvPr>
          <p:cNvSpPr txBox="1">
            <a:spLocks/>
          </p:cNvSpPr>
          <p:nvPr/>
        </p:nvSpPr>
        <p:spPr>
          <a:xfrm>
            <a:off x="5793289" y="3604013"/>
            <a:ext cx="5636710" cy="2519695"/>
          </a:xfrm>
          <a:prstGeom prst="rect">
            <a:avLst/>
          </a:prstGeom>
          <a:solidFill>
            <a:schemeClr val="bg1">
              <a:lumMod val="95000"/>
            </a:schemeClr>
          </a:solidFill>
          <a:ln>
            <a:solidFill>
              <a:schemeClr val="accent1"/>
            </a:solidFill>
          </a:ln>
        </p:spPr>
        <p:txBody>
          <a:bodyPr vert="horz" lIns="0" tIns="0" rIns="0" bIns="0" rtlCol="0">
            <a:noAutofit/>
          </a:bodyPr>
          <a:lstStyle>
            <a:lvl1pPr marL="6350" indent="0" algn="l" defTabSz="914400" rtl="0" eaLnBrk="1" latinLnBrk="0" hangingPunct="1">
              <a:lnSpc>
                <a:spcPct val="110000"/>
              </a:lnSpc>
              <a:spcBef>
                <a:spcPts val="0"/>
              </a:spcBef>
              <a:spcAft>
                <a:spcPts val="400"/>
              </a:spcAft>
              <a:buFont typeface="Arial" panose="020B0604020202020204" pitchFamily="34" charset="0"/>
              <a:buNone/>
              <a:tabLst/>
              <a:defRPr sz="2000" b="0" kern="1200">
                <a:solidFill>
                  <a:schemeClr val="accent2"/>
                </a:solidFill>
                <a:latin typeface="+mn-lt"/>
                <a:ea typeface="+mn-ea"/>
                <a:cs typeface="+mn-cs"/>
              </a:defRPr>
            </a:lvl1pPr>
            <a:lvl2pPr marL="344488" indent="-169863" algn="l" defTabSz="914400" rtl="0" eaLnBrk="1" latinLnBrk="0" hangingPunct="1">
              <a:lnSpc>
                <a:spcPct val="110000"/>
              </a:lnSpc>
              <a:spcBef>
                <a:spcPts val="0"/>
              </a:spcBef>
              <a:spcAft>
                <a:spcPts val="400"/>
              </a:spcAft>
              <a:buFont typeface="Courier New" panose="02070309020205020404" pitchFamily="49" charset="0"/>
              <a:buChar char="o"/>
              <a:tabLst/>
              <a:defRPr sz="1200" kern="1200">
                <a:solidFill>
                  <a:schemeClr val="tx1"/>
                </a:solidFill>
                <a:latin typeface="+mn-lt"/>
                <a:ea typeface="+mn-ea"/>
                <a:cs typeface="+mn-cs"/>
              </a:defRPr>
            </a:lvl2pPr>
            <a:lvl3pPr marL="519113" indent="-174625" algn="l" defTabSz="914400" rtl="0" eaLnBrk="1" latinLnBrk="0" hangingPunct="1">
              <a:lnSpc>
                <a:spcPct val="110000"/>
              </a:lnSpc>
              <a:spcBef>
                <a:spcPts val="0"/>
              </a:spcBef>
              <a:spcAft>
                <a:spcPts val="400"/>
              </a:spcAft>
              <a:buFont typeface="Calibri" panose="020F0502020204030204" pitchFamily="34" charset="0"/>
              <a:buChar char="–"/>
              <a:tabLst/>
              <a:defRPr sz="1200" kern="1200">
                <a:solidFill>
                  <a:schemeClr val="tx1"/>
                </a:solidFill>
                <a:latin typeface="+mn-lt"/>
                <a:ea typeface="+mn-ea"/>
                <a:cs typeface="+mn-cs"/>
              </a:defRPr>
            </a:lvl3pPr>
            <a:lvl4pPr marL="688975" indent="-169863"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4pPr>
            <a:lvl5pPr marL="858838" indent="-168275" algn="l" defTabSz="914400" rtl="0" eaLnBrk="1" latinLnBrk="0" hangingPunct="1">
              <a:lnSpc>
                <a:spcPct val="110000"/>
              </a:lnSpc>
              <a:spcBef>
                <a:spcPts val="0"/>
              </a:spcBef>
              <a:spcAft>
                <a:spcPts val="400"/>
              </a:spcAft>
              <a:buFont typeface="Courier New" panose="02070309020205020404" pitchFamily="49" charset="0"/>
              <a:buChar char="o"/>
              <a:tabLst/>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11125"/>
            <a:endParaRPr lang="en-US" sz="100">
              <a:solidFill>
                <a:schemeClr val="tx1"/>
              </a:solidFill>
            </a:endParaRPr>
          </a:p>
          <a:p>
            <a:pPr marL="111125"/>
            <a:r>
              <a:rPr lang="en-US" sz="1200">
                <a:solidFill>
                  <a:schemeClr val="tx1"/>
                </a:solidFill>
              </a:rPr>
              <a:t>Enter into a forward starting swap or treasury-lock today to protect against movements in interest rates between today and the anticipated future bond issuance date</a:t>
            </a:r>
          </a:p>
          <a:p>
            <a:endParaRPr lang="en-US" sz="1100">
              <a:solidFill>
                <a:schemeClr val="tx1"/>
              </a:solidFill>
            </a:endParaRPr>
          </a:p>
        </p:txBody>
      </p:sp>
      <p:sp>
        <p:nvSpPr>
          <p:cNvPr id="63" name="Rectangle 62">
            <a:extLst>
              <a:ext uri="{FF2B5EF4-FFF2-40B4-BE49-F238E27FC236}">
                <a16:creationId xmlns:a16="http://schemas.microsoft.com/office/drawing/2014/main" id="{B7CF6F64-CF57-4995-B7D8-FB1D20AB56E8}"/>
              </a:ext>
            </a:extLst>
          </p:cNvPr>
          <p:cNvSpPr/>
          <p:nvPr/>
        </p:nvSpPr>
        <p:spPr>
          <a:xfrm>
            <a:off x="5911703" y="4076936"/>
            <a:ext cx="5327106" cy="919935"/>
          </a:xfrm>
          <a:prstGeom prst="rect">
            <a:avLst/>
          </a:prstGeom>
          <a:solidFill>
            <a:schemeClr val="bg1"/>
          </a:solidFill>
          <a:ln>
            <a:solidFill>
              <a:srgbClr val="E3E3E3"/>
            </a:solidFill>
          </a:ln>
        </p:spPr>
        <p:style>
          <a:lnRef idx="2">
            <a:schemeClr val="accent1">
              <a:shade val="50000"/>
            </a:schemeClr>
          </a:lnRef>
          <a:fillRef idx="1">
            <a:schemeClr val="accent1"/>
          </a:fillRef>
          <a:effectRef idx="0">
            <a:schemeClr val="accent1"/>
          </a:effectRef>
          <a:fontRef idx="minor">
            <a:schemeClr val="lt1"/>
          </a:fontRef>
        </p:style>
        <p:txBody>
          <a:bodyPr lIns="0" tIns="91440" rIns="91440" bIns="0" rtlCol="0" anchor="t"/>
          <a:lstStyle/>
          <a:p>
            <a:pPr marL="231775" indent="-171450">
              <a:spcAft>
                <a:spcPts val="500"/>
              </a:spcAft>
              <a:buFont typeface="Arial" panose="020B0604020202020204" pitchFamily="34" charset="0"/>
              <a:buChar char="•"/>
            </a:pPr>
            <a:endParaRPr lang="en-US" sz="1200">
              <a:solidFill>
                <a:schemeClr val="tx1"/>
              </a:solidFill>
            </a:endParaRPr>
          </a:p>
        </p:txBody>
      </p:sp>
      <p:sp>
        <p:nvSpPr>
          <p:cNvPr id="2" name="Title 1">
            <a:extLst>
              <a:ext uri="{FF2B5EF4-FFF2-40B4-BE49-F238E27FC236}">
                <a16:creationId xmlns:a16="http://schemas.microsoft.com/office/drawing/2014/main" id="{774F6FE7-EA25-44D4-8801-E0B41E1E33A3}"/>
              </a:ext>
            </a:extLst>
          </p:cNvPr>
          <p:cNvSpPr>
            <a:spLocks noGrp="1"/>
          </p:cNvSpPr>
          <p:nvPr>
            <p:ph type="title"/>
          </p:nvPr>
        </p:nvSpPr>
        <p:spPr/>
        <p:txBody>
          <a:bodyPr/>
          <a:lstStyle/>
          <a:p>
            <a:r>
              <a:rPr lang="en-US"/>
              <a:t>Pre-issuance hedging</a:t>
            </a:r>
          </a:p>
        </p:txBody>
      </p:sp>
      <p:sp>
        <p:nvSpPr>
          <p:cNvPr id="4" name="Slide Number Placeholder 3">
            <a:extLst>
              <a:ext uri="{FF2B5EF4-FFF2-40B4-BE49-F238E27FC236}">
                <a16:creationId xmlns:a16="http://schemas.microsoft.com/office/drawing/2014/main" id="{DEDA2D7F-EA22-4D37-AF3B-409674F2E654}"/>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19</a:t>
            </a:fld>
            <a:endParaRPr lang="en-US">
              <a:solidFill>
                <a:srgbClr val="1F2322"/>
              </a:solidFill>
            </a:endParaRPr>
          </a:p>
        </p:txBody>
      </p:sp>
      <p:sp>
        <p:nvSpPr>
          <p:cNvPr id="5" name="Text Placeholder 4">
            <a:extLst>
              <a:ext uri="{FF2B5EF4-FFF2-40B4-BE49-F238E27FC236}">
                <a16:creationId xmlns:a16="http://schemas.microsoft.com/office/drawing/2014/main" id="{B77EBBC8-5BD2-47EE-B11E-DDB044590136}"/>
              </a:ext>
            </a:extLst>
          </p:cNvPr>
          <p:cNvSpPr>
            <a:spLocks noGrp="1"/>
          </p:cNvSpPr>
          <p:nvPr>
            <p:ph type="body" sz="quarter" idx="11"/>
          </p:nvPr>
        </p:nvSpPr>
        <p:spPr/>
        <p:txBody>
          <a:bodyPr/>
          <a:lstStyle/>
          <a:p>
            <a:r>
              <a:rPr lang="en-US"/>
              <a:t>Hedging interest rate risk of future fixed rate issuance</a:t>
            </a:r>
          </a:p>
        </p:txBody>
      </p:sp>
      <p:cxnSp>
        <p:nvCxnSpPr>
          <p:cNvPr id="51" name="Straight Connector 50">
            <a:extLst>
              <a:ext uri="{FF2B5EF4-FFF2-40B4-BE49-F238E27FC236}">
                <a16:creationId xmlns:a16="http://schemas.microsoft.com/office/drawing/2014/main" id="{FA4958B0-E79B-436A-BC70-6A2481516012}"/>
              </a:ext>
            </a:extLst>
          </p:cNvPr>
          <p:cNvCxnSpPr>
            <a:cxnSpLocks/>
          </p:cNvCxnSpPr>
          <p:nvPr/>
        </p:nvCxnSpPr>
        <p:spPr>
          <a:xfrm>
            <a:off x="6172593" y="4666949"/>
            <a:ext cx="4663440" cy="0"/>
          </a:xfrm>
          <a:prstGeom prst="line">
            <a:avLst/>
          </a:prstGeom>
          <a:ln w="25400">
            <a:solidFill>
              <a:schemeClr val="tx1"/>
            </a:solidFill>
            <a:headEnd type="oval" w="med" len="med"/>
            <a:tailEnd type="arrow" w="med" len="sm"/>
          </a:ln>
        </p:spPr>
        <p:style>
          <a:lnRef idx="1">
            <a:schemeClr val="accent1"/>
          </a:lnRef>
          <a:fillRef idx="0">
            <a:schemeClr val="accent1"/>
          </a:fillRef>
          <a:effectRef idx="0">
            <a:schemeClr val="accent1"/>
          </a:effectRef>
          <a:fontRef idx="minor">
            <a:schemeClr val="tx1"/>
          </a:fontRef>
        </p:style>
      </p:cxnSp>
      <p:grpSp>
        <p:nvGrpSpPr>
          <p:cNvPr id="52" name="Group 51">
            <a:extLst>
              <a:ext uri="{FF2B5EF4-FFF2-40B4-BE49-F238E27FC236}">
                <a16:creationId xmlns:a16="http://schemas.microsoft.com/office/drawing/2014/main" id="{8C7FF17B-5264-4CDC-90C1-C9F08F8908CA}"/>
              </a:ext>
            </a:extLst>
          </p:cNvPr>
          <p:cNvGrpSpPr/>
          <p:nvPr/>
        </p:nvGrpSpPr>
        <p:grpSpPr>
          <a:xfrm>
            <a:off x="5759796" y="4171134"/>
            <a:ext cx="1746586" cy="591886"/>
            <a:chOff x="357729" y="3197703"/>
            <a:chExt cx="1743263" cy="578448"/>
          </a:xfrm>
        </p:grpSpPr>
        <p:sp>
          <p:nvSpPr>
            <p:cNvPr id="53" name="Text Box 57" descr="© INSCALE GmbH, 26.05.2010&#10;http://www.presentationload.com/">
              <a:extLst>
                <a:ext uri="{FF2B5EF4-FFF2-40B4-BE49-F238E27FC236}">
                  <a16:creationId xmlns:a16="http://schemas.microsoft.com/office/drawing/2014/main" id="{AFB86417-60F0-4C4A-A6C3-3C166A02C9D7}"/>
                </a:ext>
              </a:extLst>
            </p:cNvPr>
            <p:cNvSpPr txBox="1">
              <a:spLocks noChangeArrowheads="1"/>
            </p:cNvSpPr>
            <p:nvPr/>
          </p:nvSpPr>
          <p:spPr bwMode="gray">
            <a:xfrm>
              <a:off x="357729" y="3197703"/>
              <a:ext cx="1743263" cy="297781"/>
            </a:xfrm>
            <a:prstGeom prst="rect">
              <a:avLst/>
            </a:prstGeom>
            <a:noFill/>
            <a:ln w="9525">
              <a:noFill/>
              <a:miter lim="800000"/>
              <a:headEnd/>
              <a:tailEnd/>
            </a:ln>
            <a:effectLst/>
          </p:spPr>
          <p:txBody>
            <a:bodyPr wrap="square" lIns="0" tIns="0" rIns="0" bIns="0">
              <a:spAutoFit/>
            </a:bodyPr>
            <a:lstStyle/>
            <a:p>
              <a:pPr marL="0" marR="0" lvl="0" indent="0" algn="ctr" defTabSz="457200" eaLnBrk="1" fontAlgn="auto" latinLnBrk="0" hangingPunct="1">
                <a:lnSpc>
                  <a:spcPct val="90000"/>
                </a:lnSpc>
                <a:spcAft>
                  <a:spcPts val="0"/>
                </a:spcAft>
                <a:buClrTx/>
                <a:buSzTx/>
                <a:buFontTx/>
                <a:buNone/>
                <a:tabLst/>
                <a:defRPr/>
              </a:pPr>
              <a:r>
                <a:rPr kumimoji="0" lang="en-US" sz="1100" i="0" u="none" strike="noStrike" kern="0" cap="none" spc="0" normalizeH="0" baseline="0" noProof="0">
                  <a:ln>
                    <a:noFill/>
                  </a:ln>
                  <a:solidFill>
                    <a:srgbClr val="242424"/>
                  </a:solidFill>
                  <a:effectLst/>
                  <a:uLnTx/>
                  <a:uFillTx/>
                  <a:cs typeface="Calibri" panose="020F0502020204030204" pitchFamily="34" charset="0"/>
                </a:rPr>
                <a:t>Today, </a:t>
              </a:r>
            </a:p>
            <a:p>
              <a:pPr marL="0" marR="0" lvl="0" indent="0" algn="ctr" defTabSz="457200" eaLnBrk="1" fontAlgn="auto" latinLnBrk="0" hangingPunct="1">
                <a:lnSpc>
                  <a:spcPct val="90000"/>
                </a:lnSpc>
                <a:spcAft>
                  <a:spcPts val="0"/>
                </a:spcAft>
                <a:buClrTx/>
                <a:buSzTx/>
                <a:buFontTx/>
                <a:buNone/>
                <a:tabLst/>
                <a:defRPr/>
              </a:pPr>
              <a:r>
                <a:rPr kumimoji="0" lang="en-US" sz="1100" i="0" u="none" strike="noStrike" kern="0" cap="none" spc="0" normalizeH="0" baseline="0" noProof="0">
                  <a:ln>
                    <a:noFill/>
                  </a:ln>
                  <a:solidFill>
                    <a:srgbClr val="242424"/>
                  </a:solidFill>
                  <a:effectLst/>
                  <a:uLnTx/>
                  <a:uFillTx/>
                  <a:cs typeface="Calibri" panose="020F0502020204030204" pitchFamily="34" charset="0"/>
                </a:rPr>
                <a:t>Enter into hedge</a:t>
              </a:r>
            </a:p>
          </p:txBody>
        </p:sp>
        <p:sp>
          <p:nvSpPr>
            <p:cNvPr id="54" name="Ellipse 30">
              <a:extLst>
                <a:ext uri="{FF2B5EF4-FFF2-40B4-BE49-F238E27FC236}">
                  <a16:creationId xmlns:a16="http://schemas.microsoft.com/office/drawing/2014/main" id="{455AE899-80A4-47E7-A036-BBB0BF58A385}"/>
                </a:ext>
              </a:extLst>
            </p:cNvPr>
            <p:cNvSpPr/>
            <p:nvPr/>
          </p:nvSpPr>
          <p:spPr bwMode="gray">
            <a:xfrm>
              <a:off x="1089832" y="3610885"/>
              <a:ext cx="165266" cy="165266"/>
            </a:xfrm>
            <a:prstGeom prst="ellipse">
              <a:avLst/>
            </a:prstGeom>
            <a:solidFill>
              <a:schemeClr val="accent2"/>
            </a:solidFill>
            <a:ln w="28575">
              <a:noFill/>
              <a:round/>
              <a:headEnd/>
              <a:tailEnd/>
            </a:ln>
            <a:effectLst/>
          </p:spPr>
          <p:txBody>
            <a:bodyPr rtlCol="0" anchor="ctr"/>
            <a:lstStyle/>
            <a:p>
              <a:pPr marL="0" marR="0" lvl="0" indent="0" algn="ctr" defTabSz="457200" eaLnBrk="1" fontAlgn="auto" latinLnBrk="0" hangingPunct="1">
                <a:lnSpc>
                  <a:spcPct val="90000"/>
                </a:lnSpc>
                <a:spcBef>
                  <a:spcPts val="0"/>
                </a:spcBef>
                <a:spcAft>
                  <a:spcPts val="0"/>
                </a:spcAft>
                <a:buClrTx/>
                <a:buSzTx/>
                <a:buFontTx/>
                <a:buNone/>
                <a:tabLst/>
                <a:defRPr/>
              </a:pPr>
              <a:endParaRPr kumimoji="0" lang="en-US" sz="1400" b="0" i="0" u="none" strike="noStrike" kern="0" cap="none" spc="0" normalizeH="0" baseline="0" noProof="0">
                <a:ln>
                  <a:noFill/>
                </a:ln>
                <a:solidFill>
                  <a:srgbClr val="003082"/>
                </a:solidFill>
                <a:effectLst/>
                <a:uLnTx/>
                <a:uFillTx/>
              </a:endParaRPr>
            </a:p>
          </p:txBody>
        </p:sp>
      </p:grpSp>
      <p:grpSp>
        <p:nvGrpSpPr>
          <p:cNvPr id="55" name="Group 54">
            <a:extLst>
              <a:ext uri="{FF2B5EF4-FFF2-40B4-BE49-F238E27FC236}">
                <a16:creationId xmlns:a16="http://schemas.microsoft.com/office/drawing/2014/main" id="{43F335FE-FFF6-484C-B067-3F857E213609}"/>
              </a:ext>
            </a:extLst>
          </p:cNvPr>
          <p:cNvGrpSpPr/>
          <p:nvPr/>
        </p:nvGrpSpPr>
        <p:grpSpPr>
          <a:xfrm>
            <a:off x="10002133" y="4166203"/>
            <a:ext cx="1104017" cy="597417"/>
            <a:chOff x="1009499" y="3192695"/>
            <a:chExt cx="1101916" cy="583854"/>
          </a:xfrm>
        </p:grpSpPr>
        <p:sp>
          <p:nvSpPr>
            <p:cNvPr id="56" name="Ellipse 34">
              <a:extLst>
                <a:ext uri="{FF2B5EF4-FFF2-40B4-BE49-F238E27FC236}">
                  <a16:creationId xmlns:a16="http://schemas.microsoft.com/office/drawing/2014/main" id="{D995C9A1-01E1-4C0C-AA14-A5B8D8AC4600}"/>
                </a:ext>
              </a:extLst>
            </p:cNvPr>
            <p:cNvSpPr/>
            <p:nvPr/>
          </p:nvSpPr>
          <p:spPr bwMode="gray">
            <a:xfrm>
              <a:off x="1445250" y="3611283"/>
              <a:ext cx="165266" cy="165266"/>
            </a:xfrm>
            <a:prstGeom prst="ellipse">
              <a:avLst/>
            </a:prstGeom>
            <a:solidFill>
              <a:schemeClr val="accent2"/>
            </a:solidFill>
            <a:ln w="28575">
              <a:noFill/>
              <a:round/>
              <a:headEnd/>
              <a:tailEnd/>
            </a:ln>
            <a:effectLst/>
          </p:spPr>
          <p:txBody>
            <a:bodyPr rtlCol="0" anchor="ctr"/>
            <a:lstStyle/>
            <a:p>
              <a:pPr marL="0" marR="0" lvl="0" indent="0" algn="ctr" defTabSz="457200" eaLnBrk="1" fontAlgn="auto" latinLnBrk="0" hangingPunct="1">
                <a:lnSpc>
                  <a:spcPct val="9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003082"/>
                </a:solidFill>
                <a:effectLst/>
                <a:uLnTx/>
                <a:uFillTx/>
              </a:endParaRPr>
            </a:p>
          </p:txBody>
        </p:sp>
        <p:sp>
          <p:nvSpPr>
            <p:cNvPr id="57" name="Text Box 57" descr="© INSCALE GmbH, 26.05.2010&#10;http://www.presentationload.com/">
              <a:extLst>
                <a:ext uri="{FF2B5EF4-FFF2-40B4-BE49-F238E27FC236}">
                  <a16:creationId xmlns:a16="http://schemas.microsoft.com/office/drawing/2014/main" id="{338F83B2-EFBF-4854-A9F6-153DAEA0F9D2}"/>
                </a:ext>
              </a:extLst>
            </p:cNvPr>
            <p:cNvSpPr txBox="1">
              <a:spLocks noChangeArrowheads="1"/>
            </p:cNvSpPr>
            <p:nvPr/>
          </p:nvSpPr>
          <p:spPr bwMode="gray">
            <a:xfrm>
              <a:off x="1009499" y="3192695"/>
              <a:ext cx="1101916" cy="297781"/>
            </a:xfrm>
            <a:prstGeom prst="rect">
              <a:avLst/>
            </a:prstGeom>
            <a:noFill/>
            <a:ln w="9525">
              <a:noFill/>
              <a:miter lim="800000"/>
              <a:headEnd/>
              <a:tailEnd/>
            </a:ln>
            <a:effectLst/>
          </p:spPr>
          <p:txBody>
            <a:bodyPr wrap="square" lIns="0" tIns="0" rIns="0" bIns="0">
              <a:spAutoFit/>
            </a:bodyPr>
            <a:lstStyle/>
            <a:p>
              <a:pPr marL="0" marR="0" lvl="0" indent="0" algn="ctr" defTabSz="457200" eaLnBrk="1" fontAlgn="auto" latinLnBrk="0" hangingPunct="1">
                <a:lnSpc>
                  <a:spcPct val="90000"/>
                </a:lnSpc>
                <a:spcAft>
                  <a:spcPts val="0"/>
                </a:spcAft>
                <a:buClrTx/>
                <a:buSzTx/>
                <a:buFontTx/>
                <a:buNone/>
                <a:tabLst/>
                <a:defRPr/>
              </a:pPr>
              <a:r>
                <a:rPr kumimoji="0" lang="en-US" sz="1100" b="0" i="0" u="none" strike="noStrike" kern="0" cap="none" spc="0" normalizeH="0" baseline="0" noProof="0">
                  <a:ln>
                    <a:noFill/>
                  </a:ln>
                  <a:solidFill>
                    <a:srgbClr val="242424"/>
                  </a:solidFill>
                  <a:effectLst/>
                  <a:uLnTx/>
                  <a:uFillTx/>
                  <a:cs typeface="Calibri" panose="020F0502020204030204" pitchFamily="34" charset="0"/>
                </a:rPr>
                <a:t>11 years, </a:t>
              </a:r>
            </a:p>
            <a:p>
              <a:pPr marL="0" marR="0" lvl="0" indent="0" algn="ctr" defTabSz="457200" eaLnBrk="1" fontAlgn="auto" latinLnBrk="0" hangingPunct="1">
                <a:lnSpc>
                  <a:spcPct val="90000"/>
                </a:lnSpc>
                <a:spcAft>
                  <a:spcPts val="0"/>
                </a:spcAft>
                <a:buClrTx/>
                <a:buSzTx/>
                <a:buFontTx/>
                <a:buNone/>
                <a:tabLst/>
                <a:defRPr/>
              </a:pPr>
              <a:r>
                <a:rPr kumimoji="0" lang="en-US" sz="1100" b="0" i="0" u="none" strike="noStrike" kern="0" cap="none" spc="0" normalizeH="0" baseline="0" noProof="0">
                  <a:ln>
                    <a:noFill/>
                  </a:ln>
                  <a:solidFill>
                    <a:srgbClr val="242424"/>
                  </a:solidFill>
                  <a:effectLst/>
                  <a:uLnTx/>
                  <a:uFillTx/>
                  <a:cs typeface="Calibri" panose="020F0502020204030204" pitchFamily="34" charset="0"/>
                </a:rPr>
                <a:t>Maturity date</a:t>
              </a:r>
              <a:endParaRPr kumimoji="0" lang="en-US" sz="1100" i="0" u="none" strike="noStrike" kern="0" cap="none" spc="0" normalizeH="0" baseline="0" noProof="0">
                <a:ln>
                  <a:noFill/>
                </a:ln>
                <a:solidFill>
                  <a:srgbClr val="242424"/>
                </a:solidFill>
                <a:effectLst/>
                <a:uLnTx/>
                <a:uFillTx/>
                <a:cs typeface="Calibri" panose="020F0502020204030204" pitchFamily="34" charset="0"/>
              </a:endParaRPr>
            </a:p>
          </p:txBody>
        </p:sp>
      </p:grpSp>
      <p:grpSp>
        <p:nvGrpSpPr>
          <p:cNvPr id="58" name="Group 57">
            <a:extLst>
              <a:ext uri="{FF2B5EF4-FFF2-40B4-BE49-F238E27FC236}">
                <a16:creationId xmlns:a16="http://schemas.microsoft.com/office/drawing/2014/main" id="{E7E7DA2F-F36C-45BD-9A96-9BEB7B32BFD6}"/>
              </a:ext>
            </a:extLst>
          </p:cNvPr>
          <p:cNvGrpSpPr/>
          <p:nvPr/>
        </p:nvGrpSpPr>
        <p:grpSpPr>
          <a:xfrm>
            <a:off x="7138761" y="4167885"/>
            <a:ext cx="1014141" cy="599953"/>
            <a:chOff x="1021777" y="3194455"/>
            <a:chExt cx="1012211" cy="586332"/>
          </a:xfrm>
        </p:grpSpPr>
        <p:sp>
          <p:nvSpPr>
            <p:cNvPr id="59" name="Ellipse 34">
              <a:extLst>
                <a:ext uri="{FF2B5EF4-FFF2-40B4-BE49-F238E27FC236}">
                  <a16:creationId xmlns:a16="http://schemas.microsoft.com/office/drawing/2014/main" id="{C173C80D-A47B-493B-86BA-5EB692F2ABD8}"/>
                </a:ext>
              </a:extLst>
            </p:cNvPr>
            <p:cNvSpPr/>
            <p:nvPr/>
          </p:nvSpPr>
          <p:spPr bwMode="gray">
            <a:xfrm>
              <a:off x="1445250" y="3615521"/>
              <a:ext cx="165266" cy="165266"/>
            </a:xfrm>
            <a:prstGeom prst="ellipse">
              <a:avLst/>
            </a:prstGeom>
            <a:solidFill>
              <a:schemeClr val="accent1"/>
            </a:solidFill>
            <a:ln w="28575">
              <a:noFill/>
              <a:round/>
              <a:headEnd/>
              <a:tailEnd/>
            </a:ln>
            <a:effectLst/>
          </p:spPr>
          <p:txBody>
            <a:bodyPr rtlCol="0" anchor="ctr"/>
            <a:lstStyle/>
            <a:p>
              <a:pPr marL="0" marR="0" lvl="0" indent="0" algn="ctr" defTabSz="457200" eaLnBrk="1" fontAlgn="auto" latinLnBrk="0" hangingPunct="1">
                <a:lnSpc>
                  <a:spcPct val="9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003082"/>
                </a:solidFill>
                <a:effectLst/>
                <a:uLnTx/>
                <a:uFillTx/>
              </a:endParaRPr>
            </a:p>
          </p:txBody>
        </p:sp>
        <p:sp>
          <p:nvSpPr>
            <p:cNvPr id="60" name="Text Box 57" descr="© INSCALE GmbH, 26.05.2010&#10;http://www.presentationload.com/">
              <a:extLst>
                <a:ext uri="{FF2B5EF4-FFF2-40B4-BE49-F238E27FC236}">
                  <a16:creationId xmlns:a16="http://schemas.microsoft.com/office/drawing/2014/main" id="{E468F25E-4649-4EF7-8EB9-D096AF60D7DB}"/>
                </a:ext>
              </a:extLst>
            </p:cNvPr>
            <p:cNvSpPr txBox="1">
              <a:spLocks noChangeArrowheads="1"/>
            </p:cNvSpPr>
            <p:nvPr/>
          </p:nvSpPr>
          <p:spPr bwMode="gray">
            <a:xfrm>
              <a:off x="1021777" y="3194455"/>
              <a:ext cx="1012211" cy="297781"/>
            </a:xfrm>
            <a:prstGeom prst="rect">
              <a:avLst/>
            </a:prstGeom>
            <a:noFill/>
            <a:ln w="9525">
              <a:noFill/>
              <a:miter lim="800000"/>
              <a:headEnd/>
              <a:tailEnd/>
            </a:ln>
            <a:effectLst/>
          </p:spPr>
          <p:txBody>
            <a:bodyPr wrap="square" lIns="0" tIns="0" rIns="0" bIns="0">
              <a:spAutoFit/>
            </a:bodyPr>
            <a:lstStyle/>
            <a:p>
              <a:pPr marL="0" marR="0" lvl="0" indent="0" algn="ctr" defTabSz="457200" eaLnBrk="1" fontAlgn="auto" latinLnBrk="0" hangingPunct="1">
                <a:lnSpc>
                  <a:spcPct val="90000"/>
                </a:lnSpc>
                <a:spcAft>
                  <a:spcPts val="0"/>
                </a:spcAft>
                <a:buClrTx/>
                <a:buSzTx/>
                <a:buFontTx/>
                <a:buNone/>
                <a:tabLst/>
                <a:defRPr/>
              </a:pPr>
              <a:r>
                <a:rPr kumimoji="0" lang="en-US" sz="1100" i="0" u="none" strike="noStrike" kern="0" cap="none" spc="0" normalizeH="0" baseline="0" noProof="0">
                  <a:ln>
                    <a:noFill/>
                  </a:ln>
                  <a:solidFill>
                    <a:srgbClr val="242424"/>
                  </a:solidFill>
                  <a:effectLst/>
                  <a:uLnTx/>
                  <a:uFillTx/>
                  <a:cs typeface="Calibri" panose="020F0502020204030204" pitchFamily="34" charset="0"/>
                </a:rPr>
                <a:t>1 year, </a:t>
              </a:r>
            </a:p>
            <a:p>
              <a:pPr marL="0" marR="0" lvl="0" indent="0" algn="ctr" defTabSz="457200" eaLnBrk="1" fontAlgn="auto" latinLnBrk="0" hangingPunct="1">
                <a:lnSpc>
                  <a:spcPct val="90000"/>
                </a:lnSpc>
                <a:spcAft>
                  <a:spcPts val="0"/>
                </a:spcAft>
                <a:buClrTx/>
                <a:buSzTx/>
                <a:buFontTx/>
                <a:buNone/>
                <a:tabLst/>
                <a:defRPr/>
              </a:pPr>
              <a:r>
                <a:rPr kumimoji="0" lang="en-US" sz="1100" i="0" u="none" strike="noStrike" kern="0" cap="none" spc="0" normalizeH="0" baseline="0" noProof="0">
                  <a:ln>
                    <a:noFill/>
                  </a:ln>
                  <a:solidFill>
                    <a:srgbClr val="242424"/>
                  </a:solidFill>
                  <a:effectLst/>
                  <a:uLnTx/>
                  <a:uFillTx/>
                  <a:cs typeface="Calibri" panose="020F0502020204030204" pitchFamily="34" charset="0"/>
                </a:rPr>
                <a:t>Issuance date</a:t>
              </a:r>
              <a:endParaRPr kumimoji="0" lang="en-US" sz="1100" b="1" i="0" u="none" strike="noStrike" kern="0" cap="none" spc="0" normalizeH="0" baseline="0" noProof="0">
                <a:ln>
                  <a:noFill/>
                </a:ln>
                <a:solidFill>
                  <a:srgbClr val="242424"/>
                </a:solidFill>
                <a:effectLst/>
                <a:uLnTx/>
                <a:uFillTx/>
                <a:cs typeface="Calibri" pitchFamily="34" charset="0"/>
              </a:endParaRPr>
            </a:p>
          </p:txBody>
        </p:sp>
      </p:grpSp>
      <p:cxnSp>
        <p:nvCxnSpPr>
          <p:cNvPr id="61" name="Straight Connector 60">
            <a:extLst>
              <a:ext uri="{FF2B5EF4-FFF2-40B4-BE49-F238E27FC236}">
                <a16:creationId xmlns:a16="http://schemas.microsoft.com/office/drawing/2014/main" id="{351E383B-56F7-4506-8AE7-8DFDAEDB0265}"/>
              </a:ext>
            </a:extLst>
          </p:cNvPr>
          <p:cNvCxnSpPr>
            <a:cxnSpLocks/>
          </p:cNvCxnSpPr>
          <p:nvPr/>
        </p:nvCxnSpPr>
        <p:spPr>
          <a:xfrm>
            <a:off x="6613215" y="4775545"/>
            <a:ext cx="1005840" cy="0"/>
          </a:xfrm>
          <a:prstGeom prst="line">
            <a:avLst/>
          </a:prstGeom>
          <a:noFill/>
          <a:ln w="28575" cap="flat" cmpd="sng" algn="ctr">
            <a:solidFill>
              <a:srgbClr val="4891DC"/>
            </a:solidFill>
            <a:prstDash val="solid"/>
            <a:miter lim="800000"/>
            <a:headEnd type="triangle"/>
            <a:tailEnd type="triangle"/>
          </a:ln>
          <a:effectLst/>
        </p:spPr>
      </p:cxnSp>
      <p:sp>
        <p:nvSpPr>
          <p:cNvPr id="62" name="TextBox 61">
            <a:extLst>
              <a:ext uri="{FF2B5EF4-FFF2-40B4-BE49-F238E27FC236}">
                <a16:creationId xmlns:a16="http://schemas.microsoft.com/office/drawing/2014/main" id="{883331BE-CA84-453F-8DAB-5D9C8EDD4F1F}"/>
              </a:ext>
            </a:extLst>
          </p:cNvPr>
          <p:cNvSpPr txBox="1"/>
          <p:nvPr/>
        </p:nvSpPr>
        <p:spPr>
          <a:xfrm>
            <a:off x="6178202" y="4820579"/>
            <a:ext cx="1874976" cy="183999"/>
          </a:xfrm>
          <a:prstGeom prst="rect">
            <a:avLst/>
          </a:prstGeom>
        </p:spPr>
        <p:txBody>
          <a:bodyPr vert="horz" wrap="square" lIns="0" tIns="0" rIns="0" bIns="0" rtlCol="0" anchor="t" anchorCtr="0">
            <a:normAutofit/>
          </a:bodyPr>
          <a:lstStyle/>
          <a:p>
            <a:pPr marL="0" marR="0" lvl="0" indent="0" algn="ctr" defTabSz="457200" eaLnBrk="1" fontAlgn="auto" latinLnBrk="0" hangingPunct="1">
              <a:lnSpc>
                <a:spcPct val="100000"/>
              </a:lnSpc>
              <a:spcBef>
                <a:spcPts val="0"/>
              </a:spcBef>
              <a:spcAft>
                <a:spcPts val="800"/>
              </a:spcAft>
              <a:buClrTx/>
              <a:buSzTx/>
              <a:buFontTx/>
              <a:buNone/>
              <a:tabLst/>
              <a:defRPr/>
            </a:pPr>
            <a:r>
              <a:rPr kumimoji="0" lang="en-US" sz="900" b="0" i="1" u="none" strike="noStrike" kern="0" cap="none" spc="0" normalizeH="0" baseline="0" noProof="0">
                <a:ln>
                  <a:noFill/>
                </a:ln>
                <a:solidFill>
                  <a:srgbClr val="242424"/>
                </a:solidFill>
                <a:effectLst/>
                <a:uLnTx/>
                <a:uFillTx/>
              </a:rPr>
              <a:t>Exposed to fluctuations in interest rates</a:t>
            </a:r>
          </a:p>
        </p:txBody>
      </p:sp>
      <p:sp>
        <p:nvSpPr>
          <p:cNvPr id="64" name="Rectangle 63">
            <a:extLst>
              <a:ext uri="{FF2B5EF4-FFF2-40B4-BE49-F238E27FC236}">
                <a16:creationId xmlns:a16="http://schemas.microsoft.com/office/drawing/2014/main" id="{DA27D212-DE0D-426F-96DB-605294BAAD7B}"/>
              </a:ext>
            </a:extLst>
          </p:cNvPr>
          <p:cNvSpPr/>
          <p:nvPr/>
        </p:nvSpPr>
        <p:spPr>
          <a:xfrm>
            <a:off x="6094844" y="5300083"/>
            <a:ext cx="2391065" cy="340358"/>
          </a:xfrm>
          <a:prstGeom prst="rect">
            <a:avLst/>
          </a:prstGeom>
          <a:solidFill>
            <a:schemeClr val="bg1"/>
          </a:solidFill>
          <a:ln>
            <a:solidFill>
              <a:srgbClr val="8D0E57"/>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marL="60325"/>
            <a:r>
              <a:rPr lang="en-US" sz="1050" b="1">
                <a:solidFill>
                  <a:schemeClr val="tx1"/>
                </a:solidFill>
              </a:rPr>
              <a:t>Bond issuance rate increases </a:t>
            </a:r>
            <a:r>
              <a:rPr lang="en-US" sz="1050">
                <a:solidFill>
                  <a:schemeClr val="tx1"/>
                </a:solidFill>
              </a:rPr>
              <a:t>more than anticipated</a:t>
            </a:r>
          </a:p>
        </p:txBody>
      </p:sp>
      <p:sp>
        <p:nvSpPr>
          <p:cNvPr id="65" name="Rectangle 64">
            <a:extLst>
              <a:ext uri="{FF2B5EF4-FFF2-40B4-BE49-F238E27FC236}">
                <a16:creationId xmlns:a16="http://schemas.microsoft.com/office/drawing/2014/main" id="{184FFDCA-0B5F-4F50-993F-A3ABF53A572B}"/>
              </a:ext>
            </a:extLst>
          </p:cNvPr>
          <p:cNvSpPr/>
          <p:nvPr/>
        </p:nvSpPr>
        <p:spPr>
          <a:xfrm>
            <a:off x="6094844" y="5690966"/>
            <a:ext cx="2391065" cy="340359"/>
          </a:xfrm>
          <a:prstGeom prst="rect">
            <a:avLst/>
          </a:prstGeom>
          <a:solidFill>
            <a:schemeClr val="bg1"/>
          </a:solid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marL="60325"/>
            <a:r>
              <a:rPr lang="en-US" sz="1050" b="1">
                <a:solidFill>
                  <a:schemeClr val="tx1"/>
                </a:solidFill>
              </a:rPr>
              <a:t>Hedge becomes an asset</a:t>
            </a:r>
            <a:r>
              <a:rPr lang="en-US" sz="1050">
                <a:solidFill>
                  <a:schemeClr val="tx1"/>
                </a:solidFill>
              </a:rPr>
              <a:t>, and the hedge settlement is an inflow for the company</a:t>
            </a:r>
          </a:p>
        </p:txBody>
      </p:sp>
      <p:sp>
        <p:nvSpPr>
          <p:cNvPr id="66" name="Rectangle 65">
            <a:extLst>
              <a:ext uri="{FF2B5EF4-FFF2-40B4-BE49-F238E27FC236}">
                <a16:creationId xmlns:a16="http://schemas.microsoft.com/office/drawing/2014/main" id="{A0959CD4-AA20-475B-B227-74B3F794D33A}"/>
              </a:ext>
            </a:extLst>
          </p:cNvPr>
          <p:cNvSpPr/>
          <p:nvPr/>
        </p:nvSpPr>
        <p:spPr>
          <a:xfrm>
            <a:off x="5862426" y="5433856"/>
            <a:ext cx="191935" cy="45719"/>
          </a:xfrm>
          <a:prstGeom prst="rect">
            <a:avLst/>
          </a:prstGeom>
          <a:solidFill>
            <a:srgbClr val="8D0E57"/>
          </a:solidFill>
          <a:ln>
            <a:solidFill>
              <a:srgbClr val="E3E3E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050">
              <a:solidFill>
                <a:schemeClr val="tx1"/>
              </a:solidFill>
            </a:endParaRPr>
          </a:p>
        </p:txBody>
      </p:sp>
      <p:sp>
        <p:nvSpPr>
          <p:cNvPr id="67" name="Cross 66">
            <a:extLst>
              <a:ext uri="{FF2B5EF4-FFF2-40B4-BE49-F238E27FC236}">
                <a16:creationId xmlns:a16="http://schemas.microsoft.com/office/drawing/2014/main" id="{074F6AB7-B95F-48F3-B35B-F81DC6518728}"/>
              </a:ext>
            </a:extLst>
          </p:cNvPr>
          <p:cNvSpPr/>
          <p:nvPr/>
        </p:nvSpPr>
        <p:spPr>
          <a:xfrm>
            <a:off x="5861413" y="5772839"/>
            <a:ext cx="148030" cy="165078"/>
          </a:xfrm>
          <a:prstGeom prst="plus">
            <a:avLst>
              <a:gd name="adj" fmla="val 39911"/>
            </a:avLst>
          </a:prstGeom>
          <a:solidFill>
            <a:schemeClr val="accent6"/>
          </a:solidFill>
          <a:ln>
            <a:solidFill>
              <a:srgbClr val="E3E3E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050">
              <a:solidFill>
                <a:schemeClr val="tx1"/>
              </a:solidFill>
            </a:endParaRPr>
          </a:p>
        </p:txBody>
      </p:sp>
      <p:sp>
        <p:nvSpPr>
          <p:cNvPr id="68" name="Rectangle 67">
            <a:extLst>
              <a:ext uri="{FF2B5EF4-FFF2-40B4-BE49-F238E27FC236}">
                <a16:creationId xmlns:a16="http://schemas.microsoft.com/office/drawing/2014/main" id="{4196E1C8-B501-45A6-8ABC-9EEE86A7DF9F}"/>
              </a:ext>
            </a:extLst>
          </p:cNvPr>
          <p:cNvSpPr/>
          <p:nvPr/>
        </p:nvSpPr>
        <p:spPr>
          <a:xfrm>
            <a:off x="8968574" y="5302044"/>
            <a:ext cx="2391066" cy="338396"/>
          </a:xfrm>
          <a:prstGeom prst="rect">
            <a:avLst/>
          </a:prstGeom>
          <a:solidFill>
            <a:schemeClr val="bg1"/>
          </a:solid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marL="60325"/>
            <a:r>
              <a:rPr lang="en-US" sz="1050" b="1">
                <a:solidFill>
                  <a:schemeClr val="tx1"/>
                </a:solidFill>
              </a:rPr>
              <a:t>Bond issuance rate decreases</a:t>
            </a:r>
            <a:r>
              <a:rPr lang="en-US" sz="1050">
                <a:solidFill>
                  <a:schemeClr val="tx1"/>
                </a:solidFill>
              </a:rPr>
              <a:t> more than anticipated</a:t>
            </a:r>
          </a:p>
        </p:txBody>
      </p:sp>
      <p:sp>
        <p:nvSpPr>
          <p:cNvPr id="69" name="Rectangle 68">
            <a:extLst>
              <a:ext uri="{FF2B5EF4-FFF2-40B4-BE49-F238E27FC236}">
                <a16:creationId xmlns:a16="http://schemas.microsoft.com/office/drawing/2014/main" id="{CB27A3C8-CC24-4633-9454-F4C1F6F01AA5}"/>
              </a:ext>
            </a:extLst>
          </p:cNvPr>
          <p:cNvSpPr/>
          <p:nvPr/>
        </p:nvSpPr>
        <p:spPr>
          <a:xfrm>
            <a:off x="8968575" y="5683079"/>
            <a:ext cx="2391065" cy="359102"/>
          </a:xfrm>
          <a:prstGeom prst="rect">
            <a:avLst/>
          </a:prstGeom>
          <a:solidFill>
            <a:schemeClr val="bg1"/>
          </a:solidFill>
          <a:ln>
            <a:solidFill>
              <a:srgbClr val="8D0E57"/>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marL="60325"/>
            <a:r>
              <a:rPr lang="en-US" sz="1050" b="1">
                <a:solidFill>
                  <a:schemeClr val="tx1"/>
                </a:solidFill>
              </a:rPr>
              <a:t>Hedge becomes a liability, </a:t>
            </a:r>
            <a:r>
              <a:rPr lang="en-US" sz="1050">
                <a:solidFill>
                  <a:schemeClr val="tx1"/>
                </a:solidFill>
              </a:rPr>
              <a:t>and the hedge settlement is an outflow for the company</a:t>
            </a:r>
          </a:p>
        </p:txBody>
      </p:sp>
      <p:sp>
        <p:nvSpPr>
          <p:cNvPr id="70" name="Rectangle 69">
            <a:extLst>
              <a:ext uri="{FF2B5EF4-FFF2-40B4-BE49-F238E27FC236}">
                <a16:creationId xmlns:a16="http://schemas.microsoft.com/office/drawing/2014/main" id="{0428D5BC-52AA-4CF3-A05B-BC159AA82EEA}"/>
              </a:ext>
            </a:extLst>
          </p:cNvPr>
          <p:cNvSpPr/>
          <p:nvPr/>
        </p:nvSpPr>
        <p:spPr>
          <a:xfrm>
            <a:off x="8693860" y="5832518"/>
            <a:ext cx="191935" cy="45719"/>
          </a:xfrm>
          <a:prstGeom prst="rect">
            <a:avLst/>
          </a:prstGeom>
          <a:solidFill>
            <a:srgbClr val="8D0E57"/>
          </a:solidFill>
          <a:ln>
            <a:solidFill>
              <a:srgbClr val="E3E3E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050">
              <a:solidFill>
                <a:schemeClr val="tx1"/>
              </a:solidFill>
            </a:endParaRPr>
          </a:p>
        </p:txBody>
      </p:sp>
      <p:sp>
        <p:nvSpPr>
          <p:cNvPr id="72" name="TextBox 71">
            <a:extLst>
              <a:ext uri="{FF2B5EF4-FFF2-40B4-BE49-F238E27FC236}">
                <a16:creationId xmlns:a16="http://schemas.microsoft.com/office/drawing/2014/main" id="{756F08D7-705C-4FDC-A650-5788CA71C714}"/>
              </a:ext>
            </a:extLst>
          </p:cNvPr>
          <p:cNvSpPr txBox="1"/>
          <p:nvPr/>
        </p:nvSpPr>
        <p:spPr>
          <a:xfrm>
            <a:off x="5861413" y="5038439"/>
            <a:ext cx="2863273" cy="261610"/>
          </a:xfrm>
          <a:prstGeom prst="rect">
            <a:avLst/>
          </a:prstGeom>
          <a:noFill/>
        </p:spPr>
        <p:txBody>
          <a:bodyPr wrap="square">
            <a:spAutoFit/>
          </a:bodyPr>
          <a:lstStyle/>
          <a:p>
            <a:r>
              <a:rPr lang="en-US" sz="1100" b="1" kern="0">
                <a:solidFill>
                  <a:srgbClr val="242424"/>
                </a:solidFill>
              </a:rPr>
              <a:t>In 1 year</a:t>
            </a:r>
            <a:r>
              <a:rPr lang="en-US" sz="1100" kern="0">
                <a:solidFill>
                  <a:srgbClr val="242424"/>
                </a:solidFill>
              </a:rPr>
              <a:t>:</a:t>
            </a:r>
            <a:r>
              <a:rPr lang="en-US" sz="1100" b="1" kern="0">
                <a:solidFill>
                  <a:srgbClr val="242424"/>
                </a:solidFill>
              </a:rPr>
              <a:t> </a:t>
            </a:r>
            <a:r>
              <a:rPr lang="en-US" sz="1100" kern="0">
                <a:solidFill>
                  <a:srgbClr val="242424"/>
                </a:solidFill>
              </a:rPr>
              <a:t>Rates</a:t>
            </a:r>
            <a:r>
              <a:rPr kumimoji="0" lang="en-US" sz="1100" b="0" u="none" strike="noStrike" kern="0" cap="none" spc="0" normalizeH="0" baseline="0" noProof="0">
                <a:ln>
                  <a:noFill/>
                </a:ln>
                <a:solidFill>
                  <a:srgbClr val="242424"/>
                </a:solidFill>
                <a:effectLst/>
                <a:uLnTx/>
                <a:uFillTx/>
              </a:rPr>
              <a:t> </a:t>
            </a:r>
            <a:r>
              <a:rPr lang="en-US" sz="1100" b="1" kern="0">
                <a:solidFill>
                  <a:srgbClr val="242424"/>
                </a:solidFill>
              </a:rPr>
              <a:t>in</a:t>
            </a:r>
            <a:r>
              <a:rPr kumimoji="0" lang="en-US" sz="1100" b="1" u="none" strike="noStrike" kern="0" cap="none" spc="0" normalizeH="0" baseline="0" noProof="0">
                <a:ln>
                  <a:noFill/>
                </a:ln>
                <a:effectLst/>
                <a:uLnTx/>
                <a:uFillTx/>
              </a:rPr>
              <a:t>crease</a:t>
            </a:r>
            <a:r>
              <a:rPr kumimoji="0" lang="en-US" sz="1100" b="0" u="none" strike="noStrike" kern="0" cap="none" spc="0" normalizeH="0" baseline="0" noProof="0">
                <a:ln>
                  <a:noFill/>
                </a:ln>
                <a:solidFill>
                  <a:srgbClr val="242424"/>
                </a:solidFill>
                <a:effectLst/>
                <a:uLnTx/>
                <a:uFillTx/>
              </a:rPr>
              <a:t> more than expected</a:t>
            </a:r>
            <a:endParaRPr lang="en-US" sz="1100"/>
          </a:p>
        </p:txBody>
      </p:sp>
      <p:sp>
        <p:nvSpPr>
          <p:cNvPr id="73" name="TextBox 72">
            <a:extLst>
              <a:ext uri="{FF2B5EF4-FFF2-40B4-BE49-F238E27FC236}">
                <a16:creationId xmlns:a16="http://schemas.microsoft.com/office/drawing/2014/main" id="{AB65F5F9-76AE-41D8-B985-AF373577C05A}"/>
              </a:ext>
            </a:extLst>
          </p:cNvPr>
          <p:cNvSpPr txBox="1"/>
          <p:nvPr/>
        </p:nvSpPr>
        <p:spPr>
          <a:xfrm>
            <a:off x="8879679" y="5039553"/>
            <a:ext cx="2863273" cy="261610"/>
          </a:xfrm>
          <a:prstGeom prst="rect">
            <a:avLst/>
          </a:prstGeom>
          <a:noFill/>
        </p:spPr>
        <p:txBody>
          <a:bodyPr wrap="square">
            <a:spAutoFit/>
          </a:bodyPr>
          <a:lstStyle/>
          <a:p>
            <a:r>
              <a:rPr lang="en-US" sz="1100" kern="0">
                <a:solidFill>
                  <a:srgbClr val="242424"/>
                </a:solidFill>
              </a:rPr>
              <a:t>Rates</a:t>
            </a:r>
            <a:r>
              <a:rPr kumimoji="0" lang="en-US" sz="1100" b="0" u="none" strike="noStrike" kern="0" cap="none" spc="0" normalizeH="0" baseline="0" noProof="0">
                <a:ln>
                  <a:noFill/>
                </a:ln>
                <a:solidFill>
                  <a:srgbClr val="242424"/>
                </a:solidFill>
                <a:effectLst/>
                <a:uLnTx/>
                <a:uFillTx/>
              </a:rPr>
              <a:t> </a:t>
            </a:r>
            <a:r>
              <a:rPr kumimoji="0" lang="en-US" sz="1100" b="1" u="none" strike="noStrike" kern="0" cap="none" spc="0" normalizeH="0" baseline="0" noProof="0">
                <a:ln>
                  <a:noFill/>
                </a:ln>
                <a:effectLst/>
                <a:uLnTx/>
                <a:uFillTx/>
              </a:rPr>
              <a:t>decrease</a:t>
            </a:r>
            <a:r>
              <a:rPr kumimoji="0" lang="en-US" sz="1100" b="0" u="none" strike="noStrike" kern="0" cap="none" spc="0" normalizeH="0" baseline="0" noProof="0">
                <a:ln>
                  <a:noFill/>
                </a:ln>
                <a:solidFill>
                  <a:srgbClr val="242424"/>
                </a:solidFill>
                <a:effectLst/>
                <a:uLnTx/>
                <a:uFillTx/>
              </a:rPr>
              <a:t> more than expected</a:t>
            </a:r>
            <a:endParaRPr lang="en-US" sz="1100"/>
          </a:p>
        </p:txBody>
      </p:sp>
      <p:cxnSp>
        <p:nvCxnSpPr>
          <p:cNvPr id="32" name="Straight Arrow Connector 31">
            <a:extLst>
              <a:ext uri="{FF2B5EF4-FFF2-40B4-BE49-F238E27FC236}">
                <a16:creationId xmlns:a16="http://schemas.microsoft.com/office/drawing/2014/main" id="{2FAACD41-C581-44C9-A29D-9178E377722F}"/>
              </a:ext>
            </a:extLst>
          </p:cNvPr>
          <p:cNvCxnSpPr>
            <a:cxnSpLocks/>
          </p:cNvCxnSpPr>
          <p:nvPr/>
        </p:nvCxnSpPr>
        <p:spPr>
          <a:xfrm>
            <a:off x="781407" y="1746703"/>
            <a:ext cx="4466357" cy="0"/>
          </a:xfrm>
          <a:prstGeom prst="straightConnector1">
            <a:avLst/>
          </a:prstGeom>
          <a:ln w="19050">
            <a:solidFill>
              <a:schemeClr val="accent1"/>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Rectangle 32">
            <a:extLst>
              <a:ext uri="{FF2B5EF4-FFF2-40B4-BE49-F238E27FC236}">
                <a16:creationId xmlns:a16="http://schemas.microsoft.com/office/drawing/2014/main" id="{C1D66041-DF2B-4808-9AE6-F82121F42D81}"/>
              </a:ext>
            </a:extLst>
          </p:cNvPr>
          <p:cNvSpPr/>
          <p:nvPr/>
        </p:nvSpPr>
        <p:spPr>
          <a:xfrm>
            <a:off x="1659663" y="1575598"/>
            <a:ext cx="2725227" cy="342210"/>
          </a:xfrm>
          <a:prstGeom prst="rect">
            <a:avLst/>
          </a:prstGeom>
          <a:solidFill>
            <a:schemeClr val="bg1"/>
          </a:solidFill>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Recent market developments</a:t>
            </a:r>
          </a:p>
        </p:txBody>
      </p:sp>
      <p:sp>
        <p:nvSpPr>
          <p:cNvPr id="34" name="TextBox 33">
            <a:extLst>
              <a:ext uri="{FF2B5EF4-FFF2-40B4-BE49-F238E27FC236}">
                <a16:creationId xmlns:a16="http://schemas.microsoft.com/office/drawing/2014/main" id="{EBB80D9E-22D5-4961-B3B9-98C0B4C33BA3}"/>
              </a:ext>
            </a:extLst>
          </p:cNvPr>
          <p:cNvSpPr txBox="1"/>
          <p:nvPr/>
        </p:nvSpPr>
        <p:spPr>
          <a:xfrm>
            <a:off x="776543" y="1945816"/>
            <a:ext cx="4476084" cy="664361"/>
          </a:xfrm>
          <a:prstGeom prst="rect">
            <a:avLst/>
          </a:prstGeom>
          <a:noFill/>
          <a:ln>
            <a:noFill/>
          </a:ln>
        </p:spPr>
        <p:txBody>
          <a:bodyPr wrap="square" lIns="0" tIns="0" rIns="0" bIns="0" rtlCol="0">
            <a:noAutofit/>
          </a:bodyPr>
          <a:lstStyle/>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Many companies plan to issue fixed rate debt in the future which introduces the potential coupon to the risk of Treasury yields rising between today and the issuance date</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Treasury yields, particularly on the medium/long-term end of the curve can be subject to large swings over a few months time</a:t>
            </a:r>
          </a:p>
          <a:p>
            <a:pPr marL="102870" lvl="0" defTabSz="914400">
              <a:tabLst>
                <a:tab pos="114300" algn="l"/>
              </a:tabLst>
              <a:defRPr/>
            </a:pPr>
            <a:endParaRPr lang="en-US" sz="1300">
              <a:solidFill>
                <a:srgbClr val="000000"/>
              </a:solidFill>
              <a:ea typeface="Verdana" panose="020B0604030504040204" pitchFamily="34" charset="0"/>
            </a:endParaRPr>
          </a:p>
        </p:txBody>
      </p:sp>
      <p:sp>
        <p:nvSpPr>
          <p:cNvPr id="35" name="TextBox 34">
            <a:extLst>
              <a:ext uri="{FF2B5EF4-FFF2-40B4-BE49-F238E27FC236}">
                <a16:creationId xmlns:a16="http://schemas.microsoft.com/office/drawing/2014/main" id="{9C683939-6114-4458-A41E-4558F925AB8F}"/>
              </a:ext>
            </a:extLst>
          </p:cNvPr>
          <p:cNvSpPr txBox="1"/>
          <p:nvPr/>
        </p:nvSpPr>
        <p:spPr>
          <a:xfrm>
            <a:off x="761999" y="4120834"/>
            <a:ext cx="4466357" cy="1540167"/>
          </a:xfrm>
          <a:prstGeom prst="rect">
            <a:avLst/>
          </a:prstGeom>
          <a:noFill/>
          <a:ln>
            <a:noFill/>
          </a:ln>
        </p:spPr>
        <p:txBody>
          <a:bodyPr wrap="square" lIns="0" tIns="0" rIns="0" bIns="0" rtlCol="0">
            <a:noAutofit/>
          </a:bodyPr>
          <a:lstStyle/>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Pre-issuance hedging: Enter into a swap that effectively locks in the Treasury component of the anticipated future issuance today</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Structure the trade with a mandatory early termination (MET) event aligning with the anticipated future issuance date. The settlement of the trade will offset fluctuations in interest rates which will have impacted the bond coupon</a:t>
            </a:r>
          </a:p>
        </p:txBody>
      </p:sp>
      <p:cxnSp>
        <p:nvCxnSpPr>
          <p:cNvPr id="36" name="Straight Arrow Connector 35">
            <a:extLst>
              <a:ext uri="{FF2B5EF4-FFF2-40B4-BE49-F238E27FC236}">
                <a16:creationId xmlns:a16="http://schemas.microsoft.com/office/drawing/2014/main" id="{39FC11D5-5BC5-41C2-BE88-2CF1862181C2}"/>
              </a:ext>
            </a:extLst>
          </p:cNvPr>
          <p:cNvCxnSpPr>
            <a:cxnSpLocks/>
          </p:cNvCxnSpPr>
          <p:nvPr/>
        </p:nvCxnSpPr>
        <p:spPr>
          <a:xfrm>
            <a:off x="781407" y="3838175"/>
            <a:ext cx="4466357" cy="0"/>
          </a:xfrm>
          <a:prstGeom prst="straightConnector1">
            <a:avLst/>
          </a:prstGeom>
          <a:ln w="19050">
            <a:solidFill>
              <a:schemeClr val="accent1"/>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Rectangle 36">
            <a:extLst>
              <a:ext uri="{FF2B5EF4-FFF2-40B4-BE49-F238E27FC236}">
                <a16:creationId xmlns:a16="http://schemas.microsoft.com/office/drawing/2014/main" id="{A28EBED7-9C46-4DF5-B069-78E59426FFB8}"/>
              </a:ext>
            </a:extLst>
          </p:cNvPr>
          <p:cNvSpPr/>
          <p:nvPr/>
        </p:nvSpPr>
        <p:spPr>
          <a:xfrm>
            <a:off x="1010596" y="3666417"/>
            <a:ext cx="4023360" cy="342210"/>
          </a:xfrm>
          <a:prstGeom prst="rect">
            <a:avLst/>
          </a:prstGeom>
          <a:solidFill>
            <a:schemeClr val="bg1"/>
          </a:solidFill>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Hedging strategy corporations are considering</a:t>
            </a:r>
          </a:p>
        </p:txBody>
      </p:sp>
      <p:sp>
        <p:nvSpPr>
          <p:cNvPr id="38" name="Cross 37">
            <a:extLst>
              <a:ext uri="{FF2B5EF4-FFF2-40B4-BE49-F238E27FC236}">
                <a16:creationId xmlns:a16="http://schemas.microsoft.com/office/drawing/2014/main" id="{E6ABF75D-0374-4647-BC34-E6423174046D}"/>
              </a:ext>
            </a:extLst>
          </p:cNvPr>
          <p:cNvSpPr/>
          <p:nvPr/>
        </p:nvSpPr>
        <p:spPr>
          <a:xfrm>
            <a:off x="8713449" y="5374398"/>
            <a:ext cx="148030" cy="165078"/>
          </a:xfrm>
          <a:prstGeom prst="plus">
            <a:avLst>
              <a:gd name="adj" fmla="val 39911"/>
            </a:avLst>
          </a:prstGeom>
          <a:solidFill>
            <a:schemeClr val="accent6"/>
          </a:solidFill>
          <a:ln>
            <a:solidFill>
              <a:srgbClr val="E3E3E3"/>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050">
              <a:solidFill>
                <a:schemeClr val="tx1"/>
              </a:solidFill>
            </a:endParaRPr>
          </a:p>
        </p:txBody>
      </p:sp>
      <p:graphicFrame>
        <p:nvGraphicFramePr>
          <p:cNvPr id="39" name="Chart 38">
            <a:extLst>
              <a:ext uri="{FF2B5EF4-FFF2-40B4-BE49-F238E27FC236}">
                <a16:creationId xmlns:a16="http://schemas.microsoft.com/office/drawing/2014/main" id="{7B786A05-7BE9-41B2-A2E4-CDB68CDC677A}"/>
              </a:ext>
            </a:extLst>
          </p:cNvPr>
          <p:cNvGraphicFramePr>
            <a:graphicFrameLocks/>
          </p:cNvGraphicFramePr>
          <p:nvPr>
            <p:extLst>
              <p:ext uri="{D42A27DB-BD31-4B8C-83A1-F6EECF244321}">
                <p14:modId xmlns:p14="http://schemas.microsoft.com/office/powerpoint/2010/main" val="3741367651"/>
              </p:ext>
            </p:extLst>
          </p:nvPr>
        </p:nvGraphicFramePr>
        <p:xfrm>
          <a:off x="5625548" y="1337572"/>
          <a:ext cx="5804451" cy="2140292"/>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3612493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620000-262F-4D61-BA4B-9316AE111CAC}"/>
              </a:ext>
            </a:extLst>
          </p:cNvPr>
          <p:cNvSpPr>
            <a:spLocks noGrp="1"/>
          </p:cNvSpPr>
          <p:nvPr>
            <p:ph type="title"/>
          </p:nvPr>
        </p:nvSpPr>
        <p:spPr/>
        <p:txBody>
          <a:bodyPr/>
          <a:lstStyle/>
          <a:p>
            <a:r>
              <a:rPr lang="en-US"/>
              <a:t>Learning Objectives</a:t>
            </a:r>
          </a:p>
        </p:txBody>
      </p:sp>
      <p:sp>
        <p:nvSpPr>
          <p:cNvPr id="8" name="Rectangle 7">
            <a:extLst>
              <a:ext uri="{FF2B5EF4-FFF2-40B4-BE49-F238E27FC236}">
                <a16:creationId xmlns:a16="http://schemas.microsoft.com/office/drawing/2014/main" id="{7F1F4443-2892-40C5-9F4A-26A3335C64B4}"/>
              </a:ext>
            </a:extLst>
          </p:cNvPr>
          <p:cNvSpPr/>
          <p:nvPr/>
        </p:nvSpPr>
        <p:spPr>
          <a:xfrm>
            <a:off x="1476655" y="2066925"/>
            <a:ext cx="247623" cy="1362075"/>
          </a:xfrm>
          <a:prstGeom prst="rect">
            <a:avLst/>
          </a:prstGeom>
          <a:solidFill>
            <a:srgbClr val="F1F1F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200">
              <a:solidFill>
                <a:schemeClr val="tx1"/>
              </a:solidFill>
            </a:endParaRPr>
          </a:p>
        </p:txBody>
      </p:sp>
      <p:sp>
        <p:nvSpPr>
          <p:cNvPr id="16" name="Rectangle 15">
            <a:extLst>
              <a:ext uri="{FF2B5EF4-FFF2-40B4-BE49-F238E27FC236}">
                <a16:creationId xmlns:a16="http://schemas.microsoft.com/office/drawing/2014/main" id="{9B51D86C-5735-4CC6-836E-EFB5BDE3B1B6}"/>
              </a:ext>
            </a:extLst>
          </p:cNvPr>
          <p:cNvSpPr/>
          <p:nvPr/>
        </p:nvSpPr>
        <p:spPr>
          <a:xfrm>
            <a:off x="1952747" y="2847184"/>
            <a:ext cx="8229600" cy="6858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2880" tIns="0" rIns="0" bIns="0" rtlCol="0" anchor="ctr"/>
          <a:lstStyle/>
          <a:p>
            <a:r>
              <a:rPr lang="en-US" sz="1600">
                <a:solidFill>
                  <a:schemeClr val="tx1"/>
                </a:solidFill>
                <a:cs typeface="Calibri"/>
              </a:rPr>
              <a:t>Learn strategies corporate finance teams are employing to manage interest rate risk</a:t>
            </a:r>
          </a:p>
        </p:txBody>
      </p:sp>
      <p:sp>
        <p:nvSpPr>
          <p:cNvPr id="19" name="Rectangle 18">
            <a:extLst>
              <a:ext uri="{FF2B5EF4-FFF2-40B4-BE49-F238E27FC236}">
                <a16:creationId xmlns:a16="http://schemas.microsoft.com/office/drawing/2014/main" id="{463AE43E-89DB-409B-8837-7FC63BFE907B}"/>
              </a:ext>
            </a:extLst>
          </p:cNvPr>
          <p:cNvSpPr/>
          <p:nvPr/>
        </p:nvSpPr>
        <p:spPr>
          <a:xfrm>
            <a:off x="1952747" y="1717731"/>
            <a:ext cx="8229600" cy="685800"/>
          </a:xfrm>
          <a:prstGeom prst="rect">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2880" tIns="0" rIns="0" bIns="0" rtlCol="0" anchor="ctr"/>
          <a:lstStyle/>
          <a:p>
            <a:r>
              <a:rPr lang="en-US" sz="1600">
                <a:solidFill>
                  <a:schemeClr val="tx1"/>
                </a:solidFill>
                <a:cs typeface="Calibri"/>
              </a:rPr>
              <a:t>Understand the current market environment and its impact on hedging strategies</a:t>
            </a:r>
          </a:p>
        </p:txBody>
      </p:sp>
      <p:sp>
        <p:nvSpPr>
          <p:cNvPr id="15" name="Oval 14">
            <a:extLst>
              <a:ext uri="{FF2B5EF4-FFF2-40B4-BE49-F238E27FC236}">
                <a16:creationId xmlns:a16="http://schemas.microsoft.com/office/drawing/2014/main" id="{ADF0C3B7-674E-4C65-A850-DB25EA6E2B92}"/>
              </a:ext>
            </a:extLst>
          </p:cNvPr>
          <p:cNvSpPr/>
          <p:nvPr/>
        </p:nvSpPr>
        <p:spPr>
          <a:xfrm>
            <a:off x="1317079" y="2906696"/>
            <a:ext cx="566777" cy="566777"/>
          </a:xfrm>
          <a:prstGeom prst="ellipse">
            <a:avLst/>
          </a:prstGeom>
          <a:solidFill>
            <a:schemeClr val="tx2"/>
          </a:solidFill>
          <a:ln w="285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400" b="1">
                <a:solidFill>
                  <a:schemeClr val="bg2"/>
                </a:solidFill>
              </a:rPr>
              <a:t>2</a:t>
            </a:r>
          </a:p>
        </p:txBody>
      </p:sp>
      <p:sp>
        <p:nvSpPr>
          <p:cNvPr id="18" name="Oval 17">
            <a:extLst>
              <a:ext uri="{FF2B5EF4-FFF2-40B4-BE49-F238E27FC236}">
                <a16:creationId xmlns:a16="http://schemas.microsoft.com/office/drawing/2014/main" id="{9A258A49-D33F-4613-ACBC-8EF57D905146}"/>
              </a:ext>
            </a:extLst>
          </p:cNvPr>
          <p:cNvSpPr/>
          <p:nvPr/>
        </p:nvSpPr>
        <p:spPr>
          <a:xfrm>
            <a:off x="1317079" y="1777243"/>
            <a:ext cx="566777" cy="566777"/>
          </a:xfrm>
          <a:prstGeom prst="ellipse">
            <a:avLst/>
          </a:prstGeom>
          <a:solidFill>
            <a:schemeClr val="tx2"/>
          </a:solidFill>
          <a:ln w="285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2400" b="1">
                <a:solidFill>
                  <a:schemeClr val="bg2"/>
                </a:solidFill>
              </a:rPr>
              <a:t>1</a:t>
            </a:r>
          </a:p>
        </p:txBody>
      </p:sp>
    </p:spTree>
    <p:extLst>
      <p:ext uri="{BB962C8B-B14F-4D97-AF65-F5344CB8AC3E}">
        <p14:creationId xmlns:p14="http://schemas.microsoft.com/office/powerpoint/2010/main" val="247500379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B47C51-17D2-4B43-A106-A3817D5C12B3}"/>
              </a:ext>
            </a:extLst>
          </p:cNvPr>
          <p:cNvSpPr>
            <a:spLocks noGrp="1"/>
          </p:cNvSpPr>
          <p:nvPr>
            <p:ph type="title"/>
          </p:nvPr>
        </p:nvSpPr>
        <p:spPr/>
        <p:txBody>
          <a:bodyPr/>
          <a:lstStyle/>
          <a:p>
            <a:r>
              <a:rPr lang="en-US"/>
              <a:t>Receive-fixed swaps</a:t>
            </a:r>
          </a:p>
        </p:txBody>
      </p:sp>
      <p:sp>
        <p:nvSpPr>
          <p:cNvPr id="4" name="Slide Number Placeholder 3">
            <a:extLst>
              <a:ext uri="{FF2B5EF4-FFF2-40B4-BE49-F238E27FC236}">
                <a16:creationId xmlns:a16="http://schemas.microsoft.com/office/drawing/2014/main" id="{7B0AB497-0FDE-47C7-98D9-D6348A7FFF90}"/>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20</a:t>
            </a:fld>
            <a:endParaRPr lang="en-US">
              <a:solidFill>
                <a:srgbClr val="1F2322"/>
              </a:solidFill>
            </a:endParaRPr>
          </a:p>
        </p:txBody>
      </p:sp>
      <p:sp>
        <p:nvSpPr>
          <p:cNvPr id="5" name="Text Placeholder 4">
            <a:extLst>
              <a:ext uri="{FF2B5EF4-FFF2-40B4-BE49-F238E27FC236}">
                <a16:creationId xmlns:a16="http://schemas.microsoft.com/office/drawing/2014/main" id="{90D286ED-2ADB-44BD-88C4-3254956CC46F}"/>
              </a:ext>
            </a:extLst>
          </p:cNvPr>
          <p:cNvSpPr>
            <a:spLocks noGrp="1"/>
          </p:cNvSpPr>
          <p:nvPr>
            <p:ph type="body" sz="quarter" idx="11"/>
          </p:nvPr>
        </p:nvSpPr>
        <p:spPr/>
        <p:txBody>
          <a:bodyPr/>
          <a:lstStyle/>
          <a:p>
            <a:r>
              <a:rPr lang="en-US"/>
              <a:t>Swapping fixed rate debt to floating</a:t>
            </a:r>
          </a:p>
        </p:txBody>
      </p:sp>
      <p:pic>
        <p:nvPicPr>
          <p:cNvPr id="7" name="Picture 6">
            <a:extLst>
              <a:ext uri="{FF2B5EF4-FFF2-40B4-BE49-F238E27FC236}">
                <a16:creationId xmlns:a16="http://schemas.microsoft.com/office/drawing/2014/main" id="{FA9337B2-592E-40A8-8F41-260143A94D89}"/>
              </a:ext>
            </a:extLst>
          </p:cNvPr>
          <p:cNvPicPr>
            <a:picLocks noChangeAspect="1"/>
          </p:cNvPicPr>
          <p:nvPr/>
        </p:nvPicPr>
        <p:blipFill rotWithShape="1">
          <a:blip r:embed="rId4"/>
          <a:srcRect l="35495" t="14440" b="27796"/>
          <a:stretch/>
        </p:blipFill>
        <p:spPr>
          <a:xfrm>
            <a:off x="5958917" y="3166104"/>
            <a:ext cx="5818977" cy="2954499"/>
          </a:xfrm>
          <a:prstGeom prst="rect">
            <a:avLst/>
          </a:prstGeom>
        </p:spPr>
      </p:pic>
      <p:sp>
        <p:nvSpPr>
          <p:cNvPr id="11" name="Line 203">
            <a:extLst>
              <a:ext uri="{FF2B5EF4-FFF2-40B4-BE49-F238E27FC236}">
                <a16:creationId xmlns:a16="http://schemas.microsoft.com/office/drawing/2014/main" id="{2F2E41E8-4411-403C-B41D-BD4394CB9EC6}"/>
              </a:ext>
            </a:extLst>
          </p:cNvPr>
          <p:cNvSpPr>
            <a:spLocks noChangeShapeType="1"/>
          </p:cNvSpPr>
          <p:nvPr/>
        </p:nvSpPr>
        <p:spPr bwMode="auto">
          <a:xfrm>
            <a:off x="9368742" y="2456040"/>
            <a:ext cx="625496" cy="3588"/>
          </a:xfrm>
          <a:prstGeom prst="line">
            <a:avLst/>
          </a:prstGeom>
          <a:noFill/>
          <a:ln w="28575" cap="rnd">
            <a:solidFill>
              <a:srgbClr val="8D0E57"/>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12" name="Rechteck 29">
            <a:extLst>
              <a:ext uri="{FF2B5EF4-FFF2-40B4-BE49-F238E27FC236}">
                <a16:creationId xmlns:a16="http://schemas.microsoft.com/office/drawing/2014/main" id="{C60FF9D2-3732-4CE2-B087-1EFBF2A7F669}"/>
              </a:ext>
            </a:extLst>
          </p:cNvPr>
          <p:cNvSpPr>
            <a:spLocks noChangeArrowheads="1"/>
          </p:cNvSpPr>
          <p:nvPr/>
        </p:nvSpPr>
        <p:spPr bwMode="gray">
          <a:xfrm>
            <a:off x="5958917" y="1734495"/>
            <a:ext cx="1272591" cy="1076688"/>
          </a:xfrm>
          <a:prstGeom prst="rect">
            <a:avLst/>
          </a:prstGeom>
          <a:solidFill>
            <a:schemeClr val="bg2"/>
          </a:solidFill>
          <a:ln w="95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tIns="91440" rtlCol="0" anchor="t"/>
          <a:lstStyle/>
          <a:p>
            <a:pPr algn="ctr" defTabSz="457200">
              <a:defRPr/>
            </a:pPr>
            <a:r>
              <a:rPr kumimoji="0" lang="en-US" sz="1200" b="0" i="0" u="none" strike="noStrike" kern="1200" cap="none" spc="0" normalizeH="0" baseline="0" noProof="0">
                <a:ln>
                  <a:noFill/>
                </a:ln>
                <a:solidFill>
                  <a:srgbClr val="242424"/>
                </a:solidFill>
                <a:effectLst/>
                <a:uLnTx/>
                <a:uFillTx/>
                <a:latin typeface="Calibri" panose="020F0502020204030204"/>
                <a:ea typeface="+mn-ea"/>
                <a:cs typeface="+mn-cs"/>
              </a:rPr>
              <a:t>Company</a:t>
            </a:r>
          </a:p>
        </p:txBody>
      </p:sp>
      <p:sp>
        <p:nvSpPr>
          <p:cNvPr id="13" name="Rechteck 29">
            <a:extLst>
              <a:ext uri="{FF2B5EF4-FFF2-40B4-BE49-F238E27FC236}">
                <a16:creationId xmlns:a16="http://schemas.microsoft.com/office/drawing/2014/main" id="{5A442FE9-6056-495F-8D75-9ACADE791A14}"/>
              </a:ext>
            </a:extLst>
          </p:cNvPr>
          <p:cNvSpPr>
            <a:spLocks noChangeArrowheads="1"/>
          </p:cNvSpPr>
          <p:nvPr/>
        </p:nvSpPr>
        <p:spPr bwMode="gray">
          <a:xfrm>
            <a:off x="10078540" y="1734495"/>
            <a:ext cx="1272591" cy="1080275"/>
          </a:xfrm>
          <a:prstGeom prst="rect">
            <a:avLst/>
          </a:prstGeom>
          <a:solidFill>
            <a:schemeClr val="bg2"/>
          </a:solidFill>
          <a:ln w="9525">
            <a:solidFill>
              <a:schemeClr val="bg2"/>
            </a:solidFill>
          </a:ln>
          <a:effectLst/>
        </p:spPr>
        <p:style>
          <a:lnRef idx="2">
            <a:schemeClr val="accent1">
              <a:shade val="50000"/>
            </a:schemeClr>
          </a:lnRef>
          <a:fillRef idx="1">
            <a:schemeClr val="accent1"/>
          </a:fillRef>
          <a:effectRef idx="0">
            <a:schemeClr val="accent1"/>
          </a:effectRef>
          <a:fontRef idx="minor">
            <a:schemeClr val="lt1"/>
          </a:fontRef>
        </p:style>
        <p:txBody>
          <a:bodyPr tIns="91440" rtlCol="0" anchor="t"/>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242424"/>
                </a:solidFill>
                <a:effectLst/>
                <a:uLnTx/>
                <a:uFillTx/>
                <a:latin typeface="Calibri" panose="020F0502020204030204"/>
                <a:ea typeface="+mn-ea"/>
                <a:cs typeface="+mn-cs"/>
              </a:rPr>
              <a:t>Bank</a:t>
            </a:r>
          </a:p>
        </p:txBody>
      </p:sp>
      <p:pic>
        <p:nvPicPr>
          <p:cNvPr id="14" name="Picture 13">
            <a:extLst>
              <a:ext uri="{FF2B5EF4-FFF2-40B4-BE49-F238E27FC236}">
                <a16:creationId xmlns:a16="http://schemas.microsoft.com/office/drawing/2014/main" id="{77AAF68E-AC54-4660-AA0D-9B77F8185B90}"/>
              </a:ext>
            </a:extLst>
          </p:cNvPr>
          <p:cNvPicPr>
            <a:picLocks noChangeAspect="1"/>
          </p:cNvPicPr>
          <p:nvPr>
            <p:custDataLst>
              <p:tags r:id="rId1"/>
            </p:custDataLst>
          </p:nvPr>
        </p:nvPicPr>
        <p:blipFill rotWithShape="1">
          <a:blip r:embed="rId5"/>
          <a:srcRect/>
          <a:stretch/>
        </p:blipFill>
        <p:spPr>
          <a:xfrm>
            <a:off x="10205709" y="1832081"/>
            <a:ext cx="1013806" cy="1083863"/>
          </a:xfrm>
          <a:prstGeom prst="rect">
            <a:avLst/>
          </a:prstGeom>
        </p:spPr>
      </p:pic>
      <p:pic>
        <p:nvPicPr>
          <p:cNvPr id="15" name="Picture 14">
            <a:extLst>
              <a:ext uri="{FF2B5EF4-FFF2-40B4-BE49-F238E27FC236}">
                <a16:creationId xmlns:a16="http://schemas.microsoft.com/office/drawing/2014/main" id="{EB31A085-7F43-4B9E-AE09-644F4F581BB4}"/>
              </a:ext>
            </a:extLst>
          </p:cNvPr>
          <p:cNvPicPr>
            <a:picLocks noChangeAspect="1"/>
          </p:cNvPicPr>
          <p:nvPr>
            <p:custDataLst>
              <p:tags r:id="rId2"/>
            </p:custDataLst>
          </p:nvPr>
        </p:nvPicPr>
        <p:blipFill rotWithShape="1">
          <a:blip r:embed="rId6"/>
          <a:srcRect/>
          <a:stretch/>
        </p:blipFill>
        <p:spPr>
          <a:xfrm>
            <a:off x="6110283" y="1869977"/>
            <a:ext cx="1013806" cy="1083863"/>
          </a:xfrm>
          <a:prstGeom prst="rect">
            <a:avLst/>
          </a:prstGeom>
        </p:spPr>
      </p:pic>
      <p:sp>
        <p:nvSpPr>
          <p:cNvPr id="16" name="Line 203">
            <a:extLst>
              <a:ext uri="{FF2B5EF4-FFF2-40B4-BE49-F238E27FC236}">
                <a16:creationId xmlns:a16="http://schemas.microsoft.com/office/drawing/2014/main" id="{DC71C67C-9C7F-4D6B-8674-DF84E8E042BD}"/>
              </a:ext>
            </a:extLst>
          </p:cNvPr>
          <p:cNvSpPr>
            <a:spLocks noChangeShapeType="1"/>
          </p:cNvSpPr>
          <p:nvPr/>
        </p:nvSpPr>
        <p:spPr bwMode="auto">
          <a:xfrm flipH="1" flipV="1">
            <a:off x="7320636" y="1991692"/>
            <a:ext cx="2673601" cy="3587"/>
          </a:xfrm>
          <a:prstGeom prst="line">
            <a:avLst/>
          </a:prstGeom>
          <a:noFill/>
          <a:ln w="28575" cap="rnd">
            <a:solidFill>
              <a:schemeClr val="tx2"/>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17" name="Line 203">
            <a:extLst>
              <a:ext uri="{FF2B5EF4-FFF2-40B4-BE49-F238E27FC236}">
                <a16:creationId xmlns:a16="http://schemas.microsoft.com/office/drawing/2014/main" id="{7910C931-2FC5-4270-9AFE-16464678DA41}"/>
              </a:ext>
            </a:extLst>
          </p:cNvPr>
          <p:cNvSpPr>
            <a:spLocks noChangeShapeType="1"/>
          </p:cNvSpPr>
          <p:nvPr/>
        </p:nvSpPr>
        <p:spPr bwMode="auto">
          <a:xfrm flipV="1">
            <a:off x="7934243" y="2456040"/>
            <a:ext cx="799211" cy="0"/>
          </a:xfrm>
          <a:prstGeom prst="line">
            <a:avLst/>
          </a:prstGeom>
          <a:noFill/>
          <a:ln w="28575" cap="rnd">
            <a:solidFill>
              <a:schemeClr val="accent6"/>
            </a:solidFill>
            <a:prstDash val="solid"/>
            <a:round/>
            <a:headEnd type="none"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b="0" i="0" u="none" strike="noStrike" kern="1200" cap="none" spc="0" normalizeH="0" baseline="0" noProof="0">
              <a:ln>
                <a:noFill/>
              </a:ln>
              <a:solidFill>
                <a:srgbClr val="003082"/>
              </a:solidFill>
              <a:effectLst/>
              <a:uLnTx/>
              <a:uFillTx/>
              <a:latin typeface="Calibri" panose="020F0502020204030204"/>
              <a:ea typeface="+mn-ea"/>
              <a:cs typeface="+mn-cs"/>
            </a:endParaRPr>
          </a:p>
        </p:txBody>
      </p:sp>
      <p:sp>
        <p:nvSpPr>
          <p:cNvPr id="18" name="Oval 188">
            <a:extLst>
              <a:ext uri="{FF2B5EF4-FFF2-40B4-BE49-F238E27FC236}">
                <a16:creationId xmlns:a16="http://schemas.microsoft.com/office/drawing/2014/main" id="{34B3F285-4985-4190-BE7D-6DD333533A45}"/>
              </a:ext>
            </a:extLst>
          </p:cNvPr>
          <p:cNvSpPr>
            <a:spLocks noChangeArrowheads="1"/>
          </p:cNvSpPr>
          <p:nvPr/>
        </p:nvSpPr>
        <p:spPr bwMode="auto">
          <a:xfrm>
            <a:off x="8003229" y="1856734"/>
            <a:ext cx="1376742" cy="276664"/>
          </a:xfrm>
          <a:prstGeom prst="rect">
            <a:avLst/>
          </a:prstGeom>
          <a:solidFill>
            <a:schemeClr val="tx2"/>
          </a:solidFill>
          <a:ln w="9525">
            <a:solidFill>
              <a:schemeClr val="tx2"/>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rPr>
              <a:t>Fixed swap rate: 3.0%</a:t>
            </a:r>
          </a:p>
        </p:txBody>
      </p:sp>
      <p:sp>
        <p:nvSpPr>
          <p:cNvPr id="19" name="Oval 188">
            <a:extLst>
              <a:ext uri="{FF2B5EF4-FFF2-40B4-BE49-F238E27FC236}">
                <a16:creationId xmlns:a16="http://schemas.microsoft.com/office/drawing/2014/main" id="{FC19BEBD-1700-4989-8923-C5F3192843BF}"/>
              </a:ext>
            </a:extLst>
          </p:cNvPr>
          <p:cNvSpPr>
            <a:spLocks noChangeArrowheads="1"/>
          </p:cNvSpPr>
          <p:nvPr/>
        </p:nvSpPr>
        <p:spPr bwMode="auto">
          <a:xfrm>
            <a:off x="7320636" y="2314486"/>
            <a:ext cx="1194546" cy="271800"/>
          </a:xfrm>
          <a:prstGeom prst="rect">
            <a:avLst/>
          </a:prstGeom>
          <a:solidFill>
            <a:schemeClr val="accent6"/>
          </a:solidFill>
          <a:ln w="9525">
            <a:solidFill>
              <a:schemeClr val="accent6"/>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rPr>
              <a:t>Floating: LIBOR</a:t>
            </a:r>
          </a:p>
        </p:txBody>
      </p:sp>
      <p:sp>
        <p:nvSpPr>
          <p:cNvPr id="20" name="Oval 188">
            <a:extLst>
              <a:ext uri="{FF2B5EF4-FFF2-40B4-BE49-F238E27FC236}">
                <a16:creationId xmlns:a16="http://schemas.microsoft.com/office/drawing/2014/main" id="{577B9FED-B23C-46A5-9284-4A0A2899BBDE}"/>
              </a:ext>
            </a:extLst>
          </p:cNvPr>
          <p:cNvSpPr>
            <a:spLocks noChangeArrowheads="1"/>
          </p:cNvSpPr>
          <p:nvPr/>
        </p:nvSpPr>
        <p:spPr bwMode="auto">
          <a:xfrm>
            <a:off x="9201958" y="2312897"/>
            <a:ext cx="551560" cy="276663"/>
          </a:xfrm>
          <a:prstGeom prst="rect">
            <a:avLst/>
          </a:prstGeom>
          <a:solidFill>
            <a:srgbClr val="8D0E57"/>
          </a:solidFill>
          <a:ln w="9525">
            <a:solidFill>
              <a:srgbClr val="8D0E57"/>
            </a:solidFill>
            <a:round/>
            <a:headEnd/>
            <a:tailEnd/>
          </a:ln>
          <a:effectLst/>
        </p:spPr>
        <p:txBody>
          <a:bodyPr wrap="none"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lang="en-US" sz="1100">
                <a:solidFill>
                  <a:srgbClr val="FFFFFF"/>
                </a:solidFill>
                <a:latin typeface="Calibri" panose="020F0502020204030204"/>
              </a:rPr>
              <a:t>2.10</a:t>
            </a:r>
            <a:r>
              <a:rPr kumimoji="0" lang="en-US" sz="1100" b="0" i="0" u="none" strike="noStrike" kern="1200" cap="none" spc="0" normalizeH="0" baseline="0" noProof="0">
                <a:ln>
                  <a:noFill/>
                </a:ln>
                <a:solidFill>
                  <a:srgbClr val="FFFFFF"/>
                </a:solidFill>
                <a:effectLst/>
                <a:uLnTx/>
                <a:uFillTx/>
                <a:latin typeface="Calibri" panose="020F0502020204030204"/>
                <a:ea typeface="+mn-ea"/>
                <a:cs typeface="+mn-cs"/>
              </a:rPr>
              <a:t>%</a:t>
            </a:r>
          </a:p>
        </p:txBody>
      </p:sp>
      <p:sp>
        <p:nvSpPr>
          <p:cNvPr id="21" name="Cross 20">
            <a:extLst>
              <a:ext uri="{FF2B5EF4-FFF2-40B4-BE49-F238E27FC236}">
                <a16:creationId xmlns:a16="http://schemas.microsoft.com/office/drawing/2014/main" id="{356F4187-A0F1-46FF-8033-E362A76A3E84}"/>
              </a:ext>
            </a:extLst>
          </p:cNvPr>
          <p:cNvSpPr/>
          <p:nvPr/>
        </p:nvSpPr>
        <p:spPr>
          <a:xfrm>
            <a:off x="8918379" y="2437961"/>
            <a:ext cx="65248" cy="99882"/>
          </a:xfrm>
          <a:prstGeom prst="plus">
            <a:avLst>
              <a:gd name="adj" fmla="val 35494"/>
            </a:avLst>
          </a:prstGeom>
          <a:solidFill>
            <a:schemeClr val="accent6"/>
          </a:solid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100">
              <a:solidFill>
                <a:schemeClr val="tx1"/>
              </a:solidFill>
            </a:endParaRPr>
          </a:p>
        </p:txBody>
      </p:sp>
      <p:sp>
        <p:nvSpPr>
          <p:cNvPr id="22" name="TextBox 21">
            <a:extLst>
              <a:ext uri="{FF2B5EF4-FFF2-40B4-BE49-F238E27FC236}">
                <a16:creationId xmlns:a16="http://schemas.microsoft.com/office/drawing/2014/main" id="{7C6DDE67-0DBB-4CEA-B2A4-A02A6470CF0D}"/>
              </a:ext>
            </a:extLst>
          </p:cNvPr>
          <p:cNvSpPr txBox="1"/>
          <p:nvPr/>
        </p:nvSpPr>
        <p:spPr>
          <a:xfrm>
            <a:off x="9122464" y="2587837"/>
            <a:ext cx="737833" cy="181222"/>
          </a:xfrm>
          <a:prstGeom prst="rect">
            <a:avLst/>
          </a:prstGeom>
          <a:noFill/>
        </p:spPr>
        <p:txBody>
          <a:bodyPr wrap="none" lIns="0" tIns="0" rIns="0" bIns="0" rtlCol="0" anchor="ctr">
            <a:noAutofit/>
          </a:bodyPr>
          <a:lstStyle/>
          <a:p>
            <a:pPr algn="ctr"/>
            <a:r>
              <a:rPr lang="en-US" sz="1000" i="1">
                <a:solidFill>
                  <a:srgbClr val="8D0E57"/>
                </a:solidFill>
              </a:rPr>
              <a:t>Spread</a:t>
            </a:r>
          </a:p>
        </p:txBody>
      </p:sp>
      <p:sp>
        <p:nvSpPr>
          <p:cNvPr id="23" name="TextBox 22">
            <a:extLst>
              <a:ext uri="{FF2B5EF4-FFF2-40B4-BE49-F238E27FC236}">
                <a16:creationId xmlns:a16="http://schemas.microsoft.com/office/drawing/2014/main" id="{FC709E91-EE9F-4889-9AD1-EAFB17B63507}"/>
              </a:ext>
            </a:extLst>
          </p:cNvPr>
          <p:cNvSpPr txBox="1"/>
          <p:nvPr/>
        </p:nvSpPr>
        <p:spPr>
          <a:xfrm>
            <a:off x="5804086" y="1358255"/>
            <a:ext cx="2244436" cy="276999"/>
          </a:xfrm>
          <a:prstGeom prst="rect">
            <a:avLst/>
          </a:prstGeom>
          <a:noFill/>
        </p:spPr>
        <p:txBody>
          <a:bodyPr wrap="square">
            <a:spAutoFit/>
          </a:bodyPr>
          <a:lstStyle/>
          <a:p>
            <a:r>
              <a:rPr lang="en-US" sz="1200" b="1">
                <a:solidFill>
                  <a:schemeClr val="tx1"/>
                </a:solidFill>
              </a:rPr>
              <a:t>Receive-fixed swap </a:t>
            </a:r>
            <a:endParaRPr lang="en-US" sz="1200" b="1"/>
          </a:p>
        </p:txBody>
      </p:sp>
      <p:cxnSp>
        <p:nvCxnSpPr>
          <p:cNvPr id="24" name="Straight Arrow Connector 23">
            <a:extLst>
              <a:ext uri="{FF2B5EF4-FFF2-40B4-BE49-F238E27FC236}">
                <a16:creationId xmlns:a16="http://schemas.microsoft.com/office/drawing/2014/main" id="{0D91EA85-ADCF-4CDF-BB75-9EDD8752A28D}"/>
              </a:ext>
            </a:extLst>
          </p:cNvPr>
          <p:cNvCxnSpPr>
            <a:cxnSpLocks/>
          </p:cNvCxnSpPr>
          <p:nvPr/>
        </p:nvCxnSpPr>
        <p:spPr>
          <a:xfrm>
            <a:off x="781407" y="1746703"/>
            <a:ext cx="4466357" cy="0"/>
          </a:xfrm>
          <a:prstGeom prst="straightConnector1">
            <a:avLst/>
          </a:prstGeom>
          <a:ln w="19050">
            <a:solidFill>
              <a:schemeClr val="accent1"/>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Rectangle 24">
            <a:extLst>
              <a:ext uri="{FF2B5EF4-FFF2-40B4-BE49-F238E27FC236}">
                <a16:creationId xmlns:a16="http://schemas.microsoft.com/office/drawing/2014/main" id="{5166EDBD-9F76-429A-9FDE-0A5D3C68E424}"/>
              </a:ext>
            </a:extLst>
          </p:cNvPr>
          <p:cNvSpPr/>
          <p:nvPr/>
        </p:nvSpPr>
        <p:spPr>
          <a:xfrm>
            <a:off x="1659663" y="1575598"/>
            <a:ext cx="2725227" cy="342210"/>
          </a:xfrm>
          <a:prstGeom prst="rect">
            <a:avLst/>
          </a:prstGeom>
          <a:solidFill>
            <a:schemeClr val="bg1"/>
          </a:solidFill>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Recent market developments</a:t>
            </a:r>
          </a:p>
        </p:txBody>
      </p:sp>
      <p:sp>
        <p:nvSpPr>
          <p:cNvPr id="26" name="TextBox 25">
            <a:extLst>
              <a:ext uri="{FF2B5EF4-FFF2-40B4-BE49-F238E27FC236}">
                <a16:creationId xmlns:a16="http://schemas.microsoft.com/office/drawing/2014/main" id="{5E2E4335-1FD9-4E62-91D9-E7433A7D81BC}"/>
              </a:ext>
            </a:extLst>
          </p:cNvPr>
          <p:cNvSpPr txBox="1"/>
          <p:nvPr/>
        </p:nvSpPr>
        <p:spPr>
          <a:xfrm>
            <a:off x="776543" y="1945816"/>
            <a:ext cx="4476084" cy="664361"/>
          </a:xfrm>
          <a:prstGeom prst="rect">
            <a:avLst/>
          </a:prstGeom>
          <a:noFill/>
          <a:ln>
            <a:noFill/>
          </a:ln>
        </p:spPr>
        <p:txBody>
          <a:bodyPr wrap="square" lIns="0" tIns="0" rIns="0" bIns="0" rtlCol="0">
            <a:noAutofit/>
          </a:bodyPr>
          <a:lstStyle/>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The forward curve has steepened considerably on the front end and flattened on the medium/long term through the first quarter of 2022 as rate hike expectations for the second half of 2022 and 2023 rose considerably</a:t>
            </a:r>
          </a:p>
          <a:p>
            <a:pPr marL="274320" lvl="0" indent="-171450" defTabSz="914400">
              <a:buFont typeface="Arial" panose="020B0604020202020204" pitchFamily="34" charset="0"/>
              <a:buChar char="•"/>
              <a:tabLst>
                <a:tab pos="114300" algn="l"/>
              </a:tabLst>
              <a:defRPr/>
            </a:pPr>
            <a:endParaRPr lang="en-US" sz="1300">
              <a:solidFill>
                <a:srgbClr val="000000"/>
              </a:solidFill>
              <a:ea typeface="Verdana" panose="020B0604030504040204" pitchFamily="34" charset="0"/>
            </a:endParaRPr>
          </a:p>
        </p:txBody>
      </p:sp>
      <p:sp>
        <p:nvSpPr>
          <p:cNvPr id="27" name="TextBox 26">
            <a:extLst>
              <a:ext uri="{FF2B5EF4-FFF2-40B4-BE49-F238E27FC236}">
                <a16:creationId xmlns:a16="http://schemas.microsoft.com/office/drawing/2014/main" id="{2D0C9891-4359-4F01-AC8D-DE5421E1E3CD}"/>
              </a:ext>
            </a:extLst>
          </p:cNvPr>
          <p:cNvSpPr txBox="1"/>
          <p:nvPr/>
        </p:nvSpPr>
        <p:spPr>
          <a:xfrm>
            <a:off x="761999" y="3955373"/>
            <a:ext cx="4466357" cy="1540167"/>
          </a:xfrm>
          <a:prstGeom prst="rect">
            <a:avLst/>
          </a:prstGeom>
          <a:noFill/>
          <a:ln>
            <a:noFill/>
          </a:ln>
        </p:spPr>
        <p:txBody>
          <a:bodyPr wrap="square" lIns="0" tIns="0" rIns="0" bIns="0" rtlCol="0">
            <a:noAutofit/>
          </a:bodyPr>
          <a:lstStyle/>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Receive-fixed swap: Enter is a swap to pay a floating rate plus a spread and receive a fixed swap rate in order to gain interest rate pickup in the short-term, at the expense of the term-term, dependent upon the slope</a:t>
            </a:r>
          </a:p>
          <a:p>
            <a:pPr marL="274320" lvl="0" indent="-171450" defTabSz="914400">
              <a:spcAft>
                <a:spcPts val="300"/>
              </a:spcAft>
              <a:buFont typeface="Arial" panose="020B0604020202020204" pitchFamily="34" charset="0"/>
              <a:buChar char="•"/>
              <a:tabLst>
                <a:tab pos="114300" algn="l"/>
              </a:tabLst>
              <a:defRPr/>
            </a:pPr>
            <a:r>
              <a:rPr lang="en-US" sz="1300">
                <a:solidFill>
                  <a:srgbClr val="000000"/>
                </a:solidFill>
                <a:ea typeface="Verdana" panose="020B0604030504040204" pitchFamily="34" charset="0"/>
              </a:rPr>
              <a:t>Increased relevance for companies looking to match liabilities with assets</a:t>
            </a:r>
          </a:p>
        </p:txBody>
      </p:sp>
      <p:cxnSp>
        <p:nvCxnSpPr>
          <p:cNvPr id="28" name="Straight Arrow Connector 27">
            <a:extLst>
              <a:ext uri="{FF2B5EF4-FFF2-40B4-BE49-F238E27FC236}">
                <a16:creationId xmlns:a16="http://schemas.microsoft.com/office/drawing/2014/main" id="{2B1EF7B4-5E4D-4A75-8211-F430CD7561B8}"/>
              </a:ext>
            </a:extLst>
          </p:cNvPr>
          <p:cNvCxnSpPr>
            <a:cxnSpLocks/>
          </p:cNvCxnSpPr>
          <p:nvPr/>
        </p:nvCxnSpPr>
        <p:spPr>
          <a:xfrm>
            <a:off x="781407" y="3672714"/>
            <a:ext cx="4466357" cy="0"/>
          </a:xfrm>
          <a:prstGeom prst="straightConnector1">
            <a:avLst/>
          </a:prstGeom>
          <a:ln w="19050">
            <a:solidFill>
              <a:schemeClr val="accent1"/>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Rectangle 28">
            <a:extLst>
              <a:ext uri="{FF2B5EF4-FFF2-40B4-BE49-F238E27FC236}">
                <a16:creationId xmlns:a16="http://schemas.microsoft.com/office/drawing/2014/main" id="{E884956D-C2D1-41AF-8A46-0B8F2456CB98}"/>
              </a:ext>
            </a:extLst>
          </p:cNvPr>
          <p:cNvSpPr/>
          <p:nvPr/>
        </p:nvSpPr>
        <p:spPr>
          <a:xfrm>
            <a:off x="1010596" y="3500956"/>
            <a:ext cx="4023360" cy="342210"/>
          </a:xfrm>
          <a:prstGeom prst="rect">
            <a:avLst/>
          </a:prstGeom>
          <a:solidFill>
            <a:schemeClr val="bg1"/>
          </a:solidFill>
        </p:spPr>
        <p:txBody>
          <a:bodyPr wrap="square" anchor="ctr">
            <a:spAutoFit/>
          </a:bodyPr>
          <a:lstStyle/>
          <a:p>
            <a:pPr marL="0" marR="0" lvl="0" indent="0" algn="ctr" defTabSz="457200" rtl="0" eaLnBrk="0" fontAlgn="base" latinLnBrk="0" hangingPunct="0">
              <a:lnSpc>
                <a:spcPct val="106000"/>
              </a:lnSpc>
              <a:spcBef>
                <a:spcPct val="0"/>
              </a:spcBef>
              <a:spcAft>
                <a:spcPct val="0"/>
              </a:spcAft>
              <a:buClrTx/>
              <a:buSzTx/>
              <a:buFontTx/>
              <a:buNone/>
              <a:tabLst/>
              <a:defRPr/>
            </a:pPr>
            <a:r>
              <a:rPr kumimoji="0" lang="en-US" sz="1600" b="0" i="0" u="none" strike="noStrike" kern="1200" cap="none" spc="0" normalizeH="0" baseline="0" noProof="0">
                <a:ln>
                  <a:noFill/>
                </a:ln>
                <a:effectLst/>
                <a:uLnTx/>
                <a:uFillTx/>
                <a:latin typeface="Calibri" panose="020F0502020204030204"/>
                <a:ea typeface="Verdana" panose="020B0604030504040204" pitchFamily="34" charset="0"/>
                <a:cs typeface="+mn-cs"/>
              </a:rPr>
              <a:t>Hedging strategy corporations are considering</a:t>
            </a:r>
          </a:p>
        </p:txBody>
      </p:sp>
    </p:spTree>
    <p:extLst>
      <p:ext uri="{BB962C8B-B14F-4D97-AF65-F5344CB8AC3E}">
        <p14:creationId xmlns:p14="http://schemas.microsoft.com/office/powerpoint/2010/main" val="372377406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90044EF2-3229-45B2-8020-454B0713A3DE}"/>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21</a:t>
            </a:fld>
            <a:endParaRPr lang="en-US">
              <a:solidFill>
                <a:srgbClr val="1F2322"/>
              </a:solidFill>
            </a:endParaRPr>
          </a:p>
        </p:txBody>
      </p:sp>
      <p:sp>
        <p:nvSpPr>
          <p:cNvPr id="3" name="Text Placeholder 2">
            <a:extLst>
              <a:ext uri="{FF2B5EF4-FFF2-40B4-BE49-F238E27FC236}">
                <a16:creationId xmlns:a16="http://schemas.microsoft.com/office/drawing/2014/main" id="{C205619C-2BB7-41F8-BD36-4FEB8B88295F}"/>
              </a:ext>
            </a:extLst>
          </p:cNvPr>
          <p:cNvSpPr>
            <a:spLocks noGrp="1"/>
          </p:cNvSpPr>
          <p:nvPr>
            <p:ph type="body" sz="quarter" idx="11"/>
          </p:nvPr>
        </p:nvSpPr>
        <p:spPr/>
        <p:txBody>
          <a:bodyPr/>
          <a:lstStyle/>
          <a:p>
            <a:r>
              <a:rPr lang="en-US"/>
              <a:t>LIBOR transition update</a:t>
            </a:r>
          </a:p>
        </p:txBody>
      </p:sp>
    </p:spTree>
    <p:custDataLst>
      <p:custData r:id="rId1"/>
      <p:custData r:id="rId2"/>
    </p:custDataLst>
    <p:extLst>
      <p:ext uri="{BB962C8B-B14F-4D97-AF65-F5344CB8AC3E}">
        <p14:creationId xmlns:p14="http://schemas.microsoft.com/office/powerpoint/2010/main" val="53223022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1F6F60B-F166-4404-BA96-46329AF80099}"/>
              </a:ext>
            </a:extLst>
          </p:cNvPr>
          <p:cNvSpPr>
            <a:spLocks noGrp="1"/>
          </p:cNvSpPr>
          <p:nvPr>
            <p:ph type="title"/>
          </p:nvPr>
        </p:nvSpPr>
        <p:spPr/>
        <p:txBody>
          <a:bodyPr/>
          <a:lstStyle/>
          <a:p>
            <a:r>
              <a:rPr lang="en-US"/>
              <a:t>LIBOR - SOFR transition</a:t>
            </a:r>
          </a:p>
        </p:txBody>
      </p:sp>
      <p:sp>
        <p:nvSpPr>
          <p:cNvPr id="11" name="Slide Number Placeholder 1">
            <a:extLst>
              <a:ext uri="{FF2B5EF4-FFF2-40B4-BE49-F238E27FC236}">
                <a16:creationId xmlns:a16="http://schemas.microsoft.com/office/drawing/2014/main" id="{9AB3C0D0-2282-4F40-AA9C-90B57F45E912}"/>
              </a:ext>
            </a:extLst>
          </p:cNvPr>
          <p:cNvSpPr>
            <a:spLocks noGrp="1"/>
          </p:cNvSpPr>
          <p:nvPr>
            <p:ph type="sldNum" sz="quarter" idx="10"/>
          </p:nvPr>
        </p:nvSpPr>
        <p:spPr>
          <a:xfrm>
            <a:off x="5497125" y="6435257"/>
            <a:ext cx="1197751" cy="166035"/>
          </a:xfrm>
          <a:prstGeom prst="rect">
            <a:avLst/>
          </a:prstGeom>
        </p:spPr>
        <p:txBody>
          <a:bodyPr vert="horz" lIns="0" tIns="0" rIns="0" bIns="0" rtlCol="0" anchor="t"/>
          <a:lstStyle>
            <a:defPPr>
              <a:defRPr lang="en-US"/>
            </a:defPPr>
            <a:lvl1pPr marL="0" algn="ctr" defTabSz="457200" rtl="0" eaLnBrk="1" latinLnBrk="0" hangingPunct="1">
              <a:defRPr sz="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defTabSz="914400"/>
            <a:fld id="{EB4FF9C4-EEBF-D24D-8A4E-C0B9CCE3F975}" type="slidenum">
              <a:rPr lang="en-US" smtClean="0">
                <a:solidFill>
                  <a:srgbClr val="1F2322"/>
                </a:solidFill>
              </a:rPr>
              <a:pPr defTabSz="914400"/>
              <a:t>22</a:t>
            </a:fld>
            <a:endParaRPr lang="en-US">
              <a:solidFill>
                <a:srgbClr val="1F2322"/>
              </a:solidFill>
            </a:endParaRPr>
          </a:p>
        </p:txBody>
      </p:sp>
      <p:sp>
        <p:nvSpPr>
          <p:cNvPr id="6" name="Rectangle 5">
            <a:extLst>
              <a:ext uri="{FF2B5EF4-FFF2-40B4-BE49-F238E27FC236}">
                <a16:creationId xmlns:a16="http://schemas.microsoft.com/office/drawing/2014/main" id="{D1540638-B0C6-4053-8E3C-2FE67B090FCE}"/>
              </a:ext>
            </a:extLst>
          </p:cNvPr>
          <p:cNvSpPr/>
          <p:nvPr/>
        </p:nvSpPr>
        <p:spPr>
          <a:xfrm>
            <a:off x="7580681" y="1308910"/>
            <a:ext cx="3474720" cy="155257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t"/>
          <a:lstStyle/>
          <a:p>
            <a:pPr marL="182880" indent="-182880" algn="l">
              <a:spcBef>
                <a:spcPts val="300"/>
              </a:spcBef>
              <a:spcAft>
                <a:spcPts val="300"/>
              </a:spcAft>
              <a:buFont typeface="Wingdings" panose="05000000000000000000" pitchFamily="2" charset="2"/>
              <a:buChar char="§"/>
            </a:pPr>
            <a:r>
              <a:rPr lang="en-US" sz="1400">
                <a:solidFill>
                  <a:schemeClr val="tx1"/>
                </a:solidFill>
              </a:rPr>
              <a:t>Understand SOFR trigger events in both debt and derivative markets</a:t>
            </a:r>
          </a:p>
          <a:p>
            <a:pPr marL="182880" indent="-182880" algn="l">
              <a:spcBef>
                <a:spcPts val="300"/>
              </a:spcBef>
              <a:spcAft>
                <a:spcPts val="300"/>
              </a:spcAft>
              <a:buFont typeface="Wingdings" panose="05000000000000000000" pitchFamily="2" charset="2"/>
              <a:buChar char="§"/>
            </a:pPr>
            <a:r>
              <a:rPr lang="en-US" sz="1400">
                <a:solidFill>
                  <a:schemeClr val="tx1"/>
                </a:solidFill>
              </a:rPr>
              <a:t>Understand future action items: whether/when to proactively convert LIBOR derivatives to SOFR</a:t>
            </a:r>
          </a:p>
          <a:p>
            <a:pPr marL="182880" indent="-182880">
              <a:spcBef>
                <a:spcPts val="300"/>
              </a:spcBef>
              <a:spcAft>
                <a:spcPts val="300"/>
              </a:spcAft>
              <a:buFont typeface="Wingdings" panose="05000000000000000000" pitchFamily="2" charset="2"/>
              <a:buChar char="§"/>
            </a:pPr>
            <a:r>
              <a:rPr lang="en-US" sz="1400">
                <a:solidFill>
                  <a:srgbClr val="000000"/>
                </a:solidFill>
                <a:ea typeface="Verdana"/>
              </a:rPr>
              <a:t>Calculating SOFR in arrears, rate is set at the end rather than the beginning of period, etc.</a:t>
            </a:r>
          </a:p>
          <a:p>
            <a:pPr algn="l">
              <a:spcBef>
                <a:spcPts val="300"/>
              </a:spcBef>
              <a:spcAft>
                <a:spcPts val="300"/>
              </a:spcAft>
            </a:pPr>
            <a:endParaRPr lang="en-US" sz="1400">
              <a:solidFill>
                <a:schemeClr val="tx1"/>
              </a:solidFill>
            </a:endParaRPr>
          </a:p>
        </p:txBody>
      </p:sp>
      <p:sp>
        <p:nvSpPr>
          <p:cNvPr id="13" name="Rectangle 12">
            <a:extLst>
              <a:ext uri="{FF2B5EF4-FFF2-40B4-BE49-F238E27FC236}">
                <a16:creationId xmlns:a16="http://schemas.microsoft.com/office/drawing/2014/main" id="{7B80B7DB-BE15-4624-8AAB-FD75CC4810BE}"/>
              </a:ext>
            </a:extLst>
          </p:cNvPr>
          <p:cNvSpPr/>
          <p:nvPr/>
        </p:nvSpPr>
        <p:spPr>
          <a:xfrm>
            <a:off x="2054961" y="1308910"/>
            <a:ext cx="3470757" cy="155257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t"/>
          <a:lstStyle/>
          <a:p>
            <a:pPr marL="182880" indent="-182880" algn="l">
              <a:spcBef>
                <a:spcPts val="300"/>
              </a:spcBef>
              <a:spcAft>
                <a:spcPts val="300"/>
              </a:spcAft>
              <a:buFont typeface="Wingdings" panose="05000000000000000000" pitchFamily="2" charset="2"/>
              <a:buChar char="§"/>
            </a:pPr>
            <a:r>
              <a:rPr lang="en-US" sz="1400">
                <a:solidFill>
                  <a:schemeClr val="tx1"/>
                </a:solidFill>
              </a:rPr>
              <a:t>Some ongoing LIBOR derivatives activity on legacy LIBOR debt; liquidity may diminish as 2023 approaches</a:t>
            </a:r>
          </a:p>
          <a:p>
            <a:pPr marL="182880" indent="-182880" algn="l">
              <a:spcBef>
                <a:spcPts val="300"/>
              </a:spcBef>
              <a:spcAft>
                <a:spcPts val="300"/>
              </a:spcAft>
              <a:buFont typeface="Wingdings" panose="05000000000000000000" pitchFamily="2" charset="2"/>
              <a:buChar char="§"/>
            </a:pPr>
            <a:r>
              <a:rPr lang="en-US" sz="1400">
                <a:solidFill>
                  <a:schemeClr val="tx1"/>
                </a:solidFill>
              </a:rPr>
              <a:t>Most new debt origination is on SOFR</a:t>
            </a:r>
          </a:p>
          <a:p>
            <a:pPr marL="182880" indent="-182880" algn="l">
              <a:spcBef>
                <a:spcPts val="300"/>
              </a:spcBef>
              <a:spcAft>
                <a:spcPts val="300"/>
              </a:spcAft>
              <a:buFont typeface="Wingdings" panose="05000000000000000000" pitchFamily="2" charset="2"/>
              <a:buChar char="§"/>
            </a:pPr>
            <a:r>
              <a:rPr lang="en-US" sz="1400">
                <a:solidFill>
                  <a:schemeClr val="tx1"/>
                </a:solidFill>
              </a:rPr>
              <a:t>Various versions of SOFR are emerging; term SOFR liquidity still limited</a:t>
            </a:r>
          </a:p>
        </p:txBody>
      </p:sp>
      <p:sp>
        <p:nvSpPr>
          <p:cNvPr id="8" name="Rectangle 7">
            <a:extLst>
              <a:ext uri="{FF2B5EF4-FFF2-40B4-BE49-F238E27FC236}">
                <a16:creationId xmlns:a16="http://schemas.microsoft.com/office/drawing/2014/main" id="{7DA74C84-D651-4182-BB99-6F1CA3D8D9E8}"/>
              </a:ext>
            </a:extLst>
          </p:cNvPr>
          <p:cNvSpPr/>
          <p:nvPr/>
        </p:nvSpPr>
        <p:spPr>
          <a:xfrm>
            <a:off x="1140562" y="1308910"/>
            <a:ext cx="4385157" cy="0"/>
          </a:xfrm>
          <a:prstGeom prst="rect">
            <a:avLst/>
          </a:pr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pPr algn="ctr"/>
            <a:r>
              <a:rPr lang="en-US" sz="1600" b="1">
                <a:solidFill>
                  <a:schemeClr val="accent1"/>
                </a:solidFill>
              </a:rPr>
              <a:t>Current status</a:t>
            </a:r>
          </a:p>
        </p:txBody>
      </p:sp>
      <p:sp>
        <p:nvSpPr>
          <p:cNvPr id="16" name="Rectangle 15">
            <a:extLst>
              <a:ext uri="{FF2B5EF4-FFF2-40B4-BE49-F238E27FC236}">
                <a16:creationId xmlns:a16="http://schemas.microsoft.com/office/drawing/2014/main" id="{98DE8727-38C2-4561-AFBB-DB95EF736E1F}"/>
              </a:ext>
            </a:extLst>
          </p:cNvPr>
          <p:cNvSpPr/>
          <p:nvPr/>
        </p:nvSpPr>
        <p:spPr>
          <a:xfrm>
            <a:off x="6666281" y="1308910"/>
            <a:ext cx="4385157" cy="0"/>
          </a:xfrm>
          <a:prstGeom prst="rect">
            <a:avLst/>
          </a:prstGeom>
          <a:solidFill>
            <a:schemeClr val="bg2"/>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pPr algn="ctr"/>
            <a:r>
              <a:rPr lang="en-US" sz="1600" b="1">
                <a:solidFill>
                  <a:schemeClr val="accent1"/>
                </a:solidFill>
              </a:rPr>
              <a:t>Action items</a:t>
            </a:r>
          </a:p>
        </p:txBody>
      </p:sp>
      <p:pic>
        <p:nvPicPr>
          <p:cNvPr id="12" name="Picture 11">
            <a:extLst>
              <a:ext uri="{FF2B5EF4-FFF2-40B4-BE49-F238E27FC236}">
                <a16:creationId xmlns:a16="http://schemas.microsoft.com/office/drawing/2014/main" id="{91D76307-1825-4FA0-B07C-CFC41FF08E95}"/>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6666281" y="1308910"/>
            <a:ext cx="914400" cy="914400"/>
          </a:xfrm>
          <a:prstGeom prst="rect">
            <a:avLst/>
          </a:prstGeom>
        </p:spPr>
      </p:pic>
      <p:pic>
        <p:nvPicPr>
          <p:cNvPr id="18" name="Picture 17">
            <a:extLst>
              <a:ext uri="{FF2B5EF4-FFF2-40B4-BE49-F238E27FC236}">
                <a16:creationId xmlns:a16="http://schemas.microsoft.com/office/drawing/2014/main" id="{B29FC7FE-A43A-4E58-BF52-0619BCF2AD5C}"/>
              </a:ext>
            </a:extLst>
          </p:cNvPr>
          <p:cNvPicPr>
            <a:picLocks noChangeAspect="1"/>
          </p:cNvPicPr>
          <p:nvPr>
            <p:custDataLst>
              <p:tags r:id="rId2"/>
            </p:custDataLst>
          </p:nvPr>
        </p:nvPicPr>
        <p:blipFill rotWithShape="1">
          <a:blip r:embed="rId6">
            <a:extLst>
              <a:ext uri="{28A0092B-C50C-407E-A947-70E740481C1C}">
                <a14:useLocalDpi xmlns:a14="http://schemas.microsoft.com/office/drawing/2010/main" val="0"/>
              </a:ext>
            </a:extLst>
          </a:blip>
          <a:srcRect/>
          <a:stretch/>
        </p:blipFill>
        <p:spPr>
          <a:xfrm>
            <a:off x="1140562" y="1308910"/>
            <a:ext cx="914400" cy="914400"/>
          </a:xfrm>
          <a:prstGeom prst="rect">
            <a:avLst/>
          </a:prstGeom>
        </p:spPr>
      </p:pic>
      <p:grpSp>
        <p:nvGrpSpPr>
          <p:cNvPr id="19" name="Group 18">
            <a:extLst>
              <a:ext uri="{FF2B5EF4-FFF2-40B4-BE49-F238E27FC236}">
                <a16:creationId xmlns:a16="http://schemas.microsoft.com/office/drawing/2014/main" id="{CFDBDD93-86AD-412A-9122-33A02B36837A}"/>
              </a:ext>
            </a:extLst>
          </p:cNvPr>
          <p:cNvGrpSpPr/>
          <p:nvPr/>
        </p:nvGrpSpPr>
        <p:grpSpPr>
          <a:xfrm>
            <a:off x="5825106" y="1552027"/>
            <a:ext cx="541786" cy="428165"/>
            <a:chOff x="5748312" y="1843610"/>
            <a:chExt cx="541786" cy="428165"/>
          </a:xfrm>
        </p:grpSpPr>
        <p:sp>
          <p:nvSpPr>
            <p:cNvPr id="4" name="Arrow: Chevron 3">
              <a:extLst>
                <a:ext uri="{FF2B5EF4-FFF2-40B4-BE49-F238E27FC236}">
                  <a16:creationId xmlns:a16="http://schemas.microsoft.com/office/drawing/2014/main" id="{C33B1F60-6D14-407D-8CB5-4A9C0FEF1AB6}"/>
                </a:ext>
              </a:extLst>
            </p:cNvPr>
            <p:cNvSpPr/>
            <p:nvPr/>
          </p:nvSpPr>
          <p:spPr>
            <a:xfrm>
              <a:off x="5901307" y="1843610"/>
              <a:ext cx="235796" cy="428165"/>
            </a:xfrm>
            <a:prstGeom prst="chevron">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200">
                <a:solidFill>
                  <a:schemeClr val="tx1"/>
                </a:solidFill>
              </a:endParaRPr>
            </a:p>
          </p:txBody>
        </p:sp>
        <p:sp>
          <p:nvSpPr>
            <p:cNvPr id="9" name="Arrow: Chevron 8">
              <a:extLst>
                <a:ext uri="{FF2B5EF4-FFF2-40B4-BE49-F238E27FC236}">
                  <a16:creationId xmlns:a16="http://schemas.microsoft.com/office/drawing/2014/main" id="{ACDB3DBD-2566-407A-BE90-604DE8B7F4B4}"/>
                </a:ext>
              </a:extLst>
            </p:cNvPr>
            <p:cNvSpPr/>
            <p:nvPr/>
          </p:nvSpPr>
          <p:spPr>
            <a:xfrm>
              <a:off x="6054302" y="1843610"/>
              <a:ext cx="235796" cy="428165"/>
            </a:xfrm>
            <a:prstGeom prst="chevron">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200">
                <a:solidFill>
                  <a:schemeClr val="tx1"/>
                </a:solidFill>
              </a:endParaRPr>
            </a:p>
          </p:txBody>
        </p:sp>
        <p:sp>
          <p:nvSpPr>
            <p:cNvPr id="23" name="Arrow: Chevron 22">
              <a:extLst>
                <a:ext uri="{FF2B5EF4-FFF2-40B4-BE49-F238E27FC236}">
                  <a16:creationId xmlns:a16="http://schemas.microsoft.com/office/drawing/2014/main" id="{B6273EAE-567D-4130-9FA5-4E1007EF0C09}"/>
                </a:ext>
              </a:extLst>
            </p:cNvPr>
            <p:cNvSpPr/>
            <p:nvPr/>
          </p:nvSpPr>
          <p:spPr>
            <a:xfrm>
              <a:off x="5748312" y="1843610"/>
              <a:ext cx="235796" cy="428165"/>
            </a:xfrm>
            <a:prstGeom prst="chevron">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l"/>
              <a:endParaRPr lang="en-US" sz="1200">
                <a:solidFill>
                  <a:schemeClr val="tx1"/>
                </a:solidFill>
              </a:endParaRPr>
            </a:p>
          </p:txBody>
        </p:sp>
      </p:grpSp>
      <p:sp>
        <p:nvSpPr>
          <p:cNvPr id="5" name="Rectangle 4">
            <a:extLst>
              <a:ext uri="{FF2B5EF4-FFF2-40B4-BE49-F238E27FC236}">
                <a16:creationId xmlns:a16="http://schemas.microsoft.com/office/drawing/2014/main" id="{0D7C71E1-5219-48E9-8BE4-EB727024652A}"/>
              </a:ext>
            </a:extLst>
          </p:cNvPr>
          <p:cNvSpPr/>
          <p:nvPr/>
        </p:nvSpPr>
        <p:spPr>
          <a:xfrm>
            <a:off x="1140561" y="3712616"/>
            <a:ext cx="9910877" cy="0"/>
          </a:xfrm>
          <a:prstGeom prst="rect">
            <a:avLst/>
          </a:prstGeom>
          <a:noFill/>
          <a:ln w="190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pPr algn="ctr"/>
            <a:r>
              <a:rPr lang="en-US" sz="1400">
                <a:solidFill>
                  <a:srgbClr val="4891DC"/>
                </a:solidFill>
              </a:rPr>
              <a:t>Companies should be aware of the nuances of various SOFR alternatives and their application in debt vs. derivatives</a:t>
            </a:r>
          </a:p>
        </p:txBody>
      </p:sp>
      <p:graphicFrame>
        <p:nvGraphicFramePr>
          <p:cNvPr id="25" name="Table 5">
            <a:extLst>
              <a:ext uri="{FF2B5EF4-FFF2-40B4-BE49-F238E27FC236}">
                <a16:creationId xmlns:a16="http://schemas.microsoft.com/office/drawing/2014/main" id="{9C8ADE83-956B-4999-8D07-FBB20C924D1B}"/>
              </a:ext>
            </a:extLst>
          </p:cNvPr>
          <p:cNvGraphicFramePr>
            <a:graphicFrameLocks noGrp="1"/>
          </p:cNvGraphicFramePr>
          <p:nvPr/>
        </p:nvGraphicFramePr>
        <p:xfrm>
          <a:off x="1158088" y="3764266"/>
          <a:ext cx="9875821" cy="2605672"/>
        </p:xfrm>
        <a:graphic>
          <a:graphicData uri="http://schemas.openxmlformats.org/drawingml/2006/table">
            <a:tbl>
              <a:tblPr firstRow="1" bandRow="1">
                <a:tableStyleId>{69012ECD-51FC-41F1-AA8D-1B2483CD663E}</a:tableStyleId>
              </a:tblPr>
              <a:tblGrid>
                <a:gridCol w="1344922">
                  <a:extLst>
                    <a:ext uri="{9D8B030D-6E8A-4147-A177-3AD203B41FA5}">
                      <a16:colId xmlns:a16="http://schemas.microsoft.com/office/drawing/2014/main" val="1762045293"/>
                    </a:ext>
                  </a:extLst>
                </a:gridCol>
                <a:gridCol w="1947018">
                  <a:extLst>
                    <a:ext uri="{9D8B030D-6E8A-4147-A177-3AD203B41FA5}">
                      <a16:colId xmlns:a16="http://schemas.microsoft.com/office/drawing/2014/main" val="4019054385"/>
                    </a:ext>
                  </a:extLst>
                </a:gridCol>
                <a:gridCol w="1645970">
                  <a:extLst>
                    <a:ext uri="{9D8B030D-6E8A-4147-A177-3AD203B41FA5}">
                      <a16:colId xmlns:a16="http://schemas.microsoft.com/office/drawing/2014/main" val="439414505"/>
                    </a:ext>
                  </a:extLst>
                </a:gridCol>
                <a:gridCol w="1164084">
                  <a:extLst>
                    <a:ext uri="{9D8B030D-6E8A-4147-A177-3AD203B41FA5}">
                      <a16:colId xmlns:a16="http://schemas.microsoft.com/office/drawing/2014/main" val="1259933357"/>
                    </a:ext>
                  </a:extLst>
                </a:gridCol>
                <a:gridCol w="1289143">
                  <a:extLst>
                    <a:ext uri="{9D8B030D-6E8A-4147-A177-3AD203B41FA5}">
                      <a16:colId xmlns:a16="http://schemas.microsoft.com/office/drawing/2014/main" val="2437113028"/>
                    </a:ext>
                  </a:extLst>
                </a:gridCol>
                <a:gridCol w="2484684">
                  <a:extLst>
                    <a:ext uri="{9D8B030D-6E8A-4147-A177-3AD203B41FA5}">
                      <a16:colId xmlns:a16="http://schemas.microsoft.com/office/drawing/2014/main" val="3228047765"/>
                    </a:ext>
                  </a:extLst>
                </a:gridCol>
              </a:tblGrid>
              <a:tr h="0">
                <a:tc>
                  <a:txBody>
                    <a:bodyPr/>
                    <a:lstStyle/>
                    <a:p>
                      <a:pPr algn="ctr"/>
                      <a:r>
                        <a:rPr lang="en-US" sz="1200">
                          <a:latin typeface="+mj-lt"/>
                        </a:rPr>
                        <a:t>Reference Rate</a:t>
                      </a:r>
                    </a:p>
                  </a:txBody>
                  <a:tcPr marL="52767" marR="52767" marT="52767" marB="52767" anchor="ctr">
                    <a:lnL w="12700" cap="flat" cmpd="sng" algn="ctr">
                      <a:solidFill>
                        <a:schemeClr val="tx1"/>
                      </a:solidFill>
                      <a:prstDash val="solid"/>
                      <a:round/>
                      <a:headEnd type="none" w="med" len="med"/>
                      <a:tailEnd type="none" w="med" len="med"/>
                    </a:lnL>
                    <a:lnR w="9525" cap="flat" cmpd="sng" algn="ctr">
                      <a:solidFill>
                        <a:schemeClr val="bg2"/>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algn="ctr"/>
                      <a:r>
                        <a:rPr lang="en-US" sz="1200">
                          <a:latin typeface="+mj-lt"/>
                        </a:rPr>
                        <a:t>Rate set timing</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algn="ctr"/>
                      <a:r>
                        <a:rPr lang="en-US" sz="1200">
                          <a:latin typeface="+mj-lt"/>
                        </a:rPr>
                        <a:t>Reference period</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algn="ctr"/>
                      <a:r>
                        <a:rPr lang="en-US" sz="1200">
                          <a:latin typeface="+mj-lt"/>
                        </a:rPr>
                        <a:t>Includes rate compounding</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algn="ctr"/>
                      <a:r>
                        <a:rPr lang="en-US" sz="1200">
                          <a:latin typeface="+mj-lt"/>
                        </a:rPr>
                        <a:t>Derivatives liquidity</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algn="ctr"/>
                      <a:r>
                        <a:rPr lang="en-US" sz="1200">
                          <a:latin typeface="+mj-lt"/>
                        </a:rPr>
                        <a:t>Additional notes</a:t>
                      </a:r>
                    </a:p>
                  </a:txBody>
                  <a:tcPr marL="52767" marR="52767" marT="52767" marB="52767" anchor="ctr">
                    <a:lnL w="9525" cap="flat" cmpd="sng" algn="ctr">
                      <a:solidFill>
                        <a:schemeClr val="bg2"/>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2828432845"/>
                  </a:ext>
                </a:extLst>
              </a:tr>
              <a:tr h="461034">
                <a:tc>
                  <a:txBody>
                    <a:bodyPr/>
                    <a:lstStyle/>
                    <a:p>
                      <a:pPr marL="0" lvl="1" indent="0" algn="ctr">
                        <a:buFont typeface="+mj-lt"/>
                        <a:buNone/>
                      </a:pPr>
                      <a:r>
                        <a:rPr kumimoji="0" lang="en-US" sz="1200" b="1" i="0" u="none" strike="noStrike" kern="1200" cap="none" spc="0" normalizeH="0" baseline="0" noProof="0">
                          <a:ln>
                            <a:noFill/>
                          </a:ln>
                          <a:solidFill>
                            <a:srgbClr val="1F2322"/>
                          </a:solidFill>
                          <a:effectLst/>
                          <a:uLnTx/>
                          <a:uFillTx/>
                          <a:latin typeface="+mj-lt"/>
                          <a:ea typeface="+mn-ea"/>
                          <a:cs typeface="+mn-cs"/>
                        </a:rPr>
                        <a:t>Daily Simple SOFR</a:t>
                      </a:r>
                    </a:p>
                  </a:txBody>
                  <a:tcPr marL="52767" marR="52767" marT="26385" marB="26385" anchor="ctr">
                    <a:lnL w="12700" cap="flat" cmpd="sng" algn="ctr">
                      <a:solidFill>
                        <a:schemeClr val="tx1"/>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End of accrual period</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In arrears, references current period</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No</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Yes</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Second in ARRC fallback language waterfall for loans</a:t>
                      </a:r>
                    </a:p>
                  </a:txBody>
                  <a:tcPr marL="52767" marR="52767" marT="52767" marB="52767" anchor="ctr">
                    <a:lnL w="9525" cap="flat" cmpd="sng" algn="ctr">
                      <a:solidFill>
                        <a:schemeClr val="bg2"/>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2280597152"/>
                  </a:ext>
                </a:extLst>
              </a:tr>
              <a:tr h="38896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1F2322"/>
                          </a:solidFill>
                          <a:effectLst/>
                          <a:uLnTx/>
                          <a:uFillTx/>
                          <a:latin typeface="+mj-lt"/>
                          <a:ea typeface="+mn-ea"/>
                          <a:cs typeface="+mn-cs"/>
                        </a:rPr>
                        <a:t>SOFR Compounded</a:t>
                      </a:r>
                      <a:endParaRPr lang="en-US" sz="1200" b="0">
                        <a:latin typeface="+mj-lt"/>
                      </a:endParaRPr>
                    </a:p>
                  </a:txBody>
                  <a:tcPr marL="52767" marR="52767" marT="26385" marB="26385" anchor="ctr">
                    <a:lnL w="12700" cap="flat" cmpd="sng" algn="ctr">
                      <a:solidFill>
                        <a:schemeClr val="tx1"/>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End of accrual period</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In arrears, references current period</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Yes</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Yes (used by banks for interdealer trades)</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ISDA fallback rate for derivatives (plus credit spread adjustment)</a:t>
                      </a:r>
                    </a:p>
                  </a:txBody>
                  <a:tcPr marL="52767" marR="52767" marT="52767" marB="52767" anchor="ctr">
                    <a:lnL w="9525" cap="flat" cmpd="sng" algn="ctr">
                      <a:solidFill>
                        <a:schemeClr val="bg2"/>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476582899"/>
                  </a:ext>
                </a:extLst>
              </a:tr>
              <a:tr h="451985">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a:ln>
                            <a:noFill/>
                          </a:ln>
                          <a:solidFill>
                            <a:srgbClr val="1F2322"/>
                          </a:solidFill>
                          <a:effectLst/>
                          <a:uLnTx/>
                          <a:uFillTx/>
                          <a:latin typeface="+mj-lt"/>
                          <a:ea typeface="+mn-ea"/>
                          <a:cs typeface="+mn-cs"/>
                        </a:rPr>
                        <a:t>NY Fed Avg. SOFR</a:t>
                      </a:r>
                      <a:endParaRPr lang="en-US" sz="1200" b="0">
                        <a:latin typeface="+mj-lt"/>
                      </a:endParaRPr>
                    </a:p>
                  </a:txBody>
                  <a:tcPr marL="52767" marR="52767" marT="26385" marB="26385" anchor="ctr">
                    <a:lnL w="12700" cap="flat" cmpd="sng" algn="ctr">
                      <a:solidFill>
                        <a:schemeClr val="tx1"/>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Beginning of accrual period</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In arrears, references </a:t>
                      </a:r>
                      <a:r>
                        <a:rPr kumimoji="0" lang="en-US" sz="1200" b="0" i="1" u="none" strike="noStrike" kern="1200" cap="none" spc="0" normalizeH="0" baseline="0" noProof="0">
                          <a:ln>
                            <a:noFill/>
                          </a:ln>
                          <a:solidFill>
                            <a:srgbClr val="1F2322"/>
                          </a:solidFill>
                          <a:effectLst/>
                          <a:uLnTx/>
                          <a:uFillTx/>
                          <a:latin typeface="+mj-lt"/>
                          <a:ea typeface="+mn-ea"/>
                          <a:cs typeface="+mn-cs"/>
                        </a:rPr>
                        <a:t>prior</a:t>
                      </a:r>
                      <a:r>
                        <a:rPr kumimoji="0" lang="en-US" sz="1200" b="0" i="0" u="none" strike="noStrike" kern="1200" cap="none" spc="0" normalizeH="0" baseline="0" noProof="0">
                          <a:ln>
                            <a:noFill/>
                          </a:ln>
                          <a:solidFill>
                            <a:srgbClr val="1F2322"/>
                          </a:solidFill>
                          <a:effectLst/>
                          <a:uLnTx/>
                          <a:uFillTx/>
                          <a:latin typeface="+mj-lt"/>
                          <a:ea typeface="+mn-ea"/>
                          <a:cs typeface="+mn-cs"/>
                        </a:rPr>
                        <a:t> period</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Yes</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Yes</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Common in real estate loans but less so for corporate borrowing</a:t>
                      </a:r>
                    </a:p>
                  </a:txBody>
                  <a:tcPr marL="52767" marR="52767" marT="52767" marB="52767" anchor="ctr">
                    <a:lnL w="9525" cap="flat" cmpd="sng" algn="ctr">
                      <a:solidFill>
                        <a:schemeClr val="bg2"/>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bg2"/>
                      </a:solidFill>
                      <a:prstDash val="solid"/>
                      <a:round/>
                      <a:headEnd type="none" w="med" len="med"/>
                      <a:tailEnd type="none" w="med" len="med"/>
                    </a:lnT>
                    <a:lnB w="9525" cap="flat" cmpd="sng" algn="ctr">
                      <a:solidFill>
                        <a:schemeClr val="bg2"/>
                      </a:solidFill>
                      <a:prstDash val="solid"/>
                      <a:round/>
                      <a:headEnd type="none" w="med" len="med"/>
                      <a:tailEnd type="none" w="med" len="med"/>
                    </a:lnB>
                  </a:tcPr>
                </a:tc>
                <a:extLst>
                  <a:ext uri="{0D108BD9-81ED-4DB2-BD59-A6C34878D82A}">
                    <a16:rowId xmlns:a16="http://schemas.microsoft.com/office/drawing/2014/main" val="3994298841"/>
                  </a:ext>
                </a:extLst>
              </a:tr>
              <a:tr h="537616">
                <a:tc>
                  <a:txBody>
                    <a:bodyPr/>
                    <a:lstStyle/>
                    <a:p>
                      <a:pPr algn="ctr"/>
                      <a:r>
                        <a:rPr kumimoji="0" lang="en-US" sz="1200" b="1" i="0" u="none" strike="noStrike" kern="1200" cap="none" spc="0" normalizeH="0" baseline="0" noProof="0">
                          <a:ln>
                            <a:noFill/>
                          </a:ln>
                          <a:solidFill>
                            <a:srgbClr val="1F2322"/>
                          </a:solidFill>
                          <a:effectLst/>
                          <a:uLnTx/>
                          <a:uFillTx/>
                          <a:latin typeface="+mj-lt"/>
                          <a:ea typeface="+mn-ea"/>
                          <a:cs typeface="+mn-cs"/>
                        </a:rPr>
                        <a:t>CME Term SOFR</a:t>
                      </a:r>
                      <a:endParaRPr lang="en-US" sz="1200" b="0">
                        <a:latin typeface="+mj-lt"/>
                      </a:endParaRPr>
                    </a:p>
                  </a:txBody>
                  <a:tcPr marL="52767" marR="52767" marT="26385" marB="26385" anchor="ctr">
                    <a:lnL w="12700" cap="flat" cmpd="sng" algn="ctr">
                      <a:solidFill>
                        <a:schemeClr val="tx1"/>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Beginning of accrual period</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In arrears, references </a:t>
                      </a:r>
                      <a:r>
                        <a:rPr kumimoji="0" lang="en-US" sz="1200" b="0" i="1" u="none" strike="noStrike" kern="1200" cap="none" spc="0" normalizeH="0" baseline="0" noProof="0">
                          <a:ln>
                            <a:noFill/>
                          </a:ln>
                          <a:solidFill>
                            <a:srgbClr val="1F2322"/>
                          </a:solidFill>
                          <a:effectLst/>
                          <a:uLnTx/>
                          <a:uFillTx/>
                          <a:latin typeface="+mj-lt"/>
                          <a:ea typeface="+mn-ea"/>
                          <a:cs typeface="+mn-cs"/>
                        </a:rPr>
                        <a:t>prior</a:t>
                      </a:r>
                      <a:r>
                        <a:rPr kumimoji="0" lang="en-US" sz="1200" b="0" i="0" u="none" strike="noStrike" kern="1200" cap="none" spc="0" normalizeH="0" baseline="0" noProof="0">
                          <a:ln>
                            <a:noFill/>
                          </a:ln>
                          <a:solidFill>
                            <a:srgbClr val="1F2322"/>
                          </a:solidFill>
                          <a:effectLst/>
                          <a:uLnTx/>
                          <a:uFillTx/>
                          <a:latin typeface="+mj-lt"/>
                          <a:ea typeface="+mn-ea"/>
                          <a:cs typeface="+mn-cs"/>
                        </a:rPr>
                        <a:t> period</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No</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Emerging</a:t>
                      </a:r>
                    </a:p>
                  </a:txBody>
                  <a:tcPr marL="52767" marR="52767" marT="52767" marB="52767" anchor="ctr">
                    <a:lnL w="9525" cap="flat" cmpd="sng" algn="ctr">
                      <a:solidFill>
                        <a:schemeClr val="bg2"/>
                      </a:solidFill>
                      <a:prstDash val="solid"/>
                      <a:round/>
                      <a:headEnd type="none" w="med" len="med"/>
                      <a:tailEnd type="none" w="med" len="med"/>
                    </a:lnL>
                    <a:lnR w="9525" cap="flat" cmpd="sng" algn="ctr">
                      <a:solidFill>
                        <a:schemeClr val="bg2"/>
                      </a:solidFill>
                      <a:prstDash val="solid"/>
                      <a:round/>
                      <a:headEnd type="none" w="med" len="med"/>
                      <a:tailEnd type="none" w="med" len="med"/>
                    </a:lnR>
                    <a:lnT w="9525" cap="flat" cmpd="sng" algn="ctr">
                      <a:solidFill>
                        <a:schemeClr val="bg2"/>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200" b="0" i="0" u="none" strike="noStrike" kern="1200" cap="none" spc="0" normalizeH="0" baseline="0" noProof="0">
                          <a:ln>
                            <a:noFill/>
                          </a:ln>
                          <a:solidFill>
                            <a:srgbClr val="1F2322"/>
                          </a:solidFill>
                          <a:effectLst/>
                          <a:uLnTx/>
                          <a:uFillTx/>
                          <a:latin typeface="+mj-lt"/>
                          <a:ea typeface="+mn-ea"/>
                          <a:cs typeface="+mn-cs"/>
                        </a:rPr>
                        <a:t>First in ARRC fallback language waterfall for loans</a:t>
                      </a:r>
                    </a:p>
                  </a:txBody>
                  <a:tcPr marL="52767" marR="52767" marT="52767" marB="52767" anchor="ctr">
                    <a:lnL w="9525" cap="flat" cmpd="sng" algn="ctr">
                      <a:solidFill>
                        <a:schemeClr val="bg2"/>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bg2"/>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776191905"/>
                  </a:ext>
                </a:extLst>
              </a:tr>
            </a:tbl>
          </a:graphicData>
        </a:graphic>
      </p:graphicFrame>
    </p:spTree>
    <p:extLst>
      <p:ext uri="{BB962C8B-B14F-4D97-AF65-F5344CB8AC3E}">
        <p14:creationId xmlns:p14="http://schemas.microsoft.com/office/powerpoint/2010/main" val="128162122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732ABA-A373-4E85-83D0-9D00DA4FA167}"/>
              </a:ext>
            </a:extLst>
          </p:cNvPr>
          <p:cNvSpPr>
            <a:spLocks noGrp="1"/>
          </p:cNvSpPr>
          <p:nvPr>
            <p:ph type="title"/>
          </p:nvPr>
        </p:nvSpPr>
        <p:spPr/>
        <p:txBody>
          <a:bodyPr/>
          <a:lstStyle/>
          <a:p>
            <a:r>
              <a:rPr lang="en-US"/>
              <a:t>LIBOR – SOFR transition</a:t>
            </a:r>
          </a:p>
        </p:txBody>
      </p:sp>
      <p:sp>
        <p:nvSpPr>
          <p:cNvPr id="48" name="Text Placeholder 47">
            <a:extLst>
              <a:ext uri="{FF2B5EF4-FFF2-40B4-BE49-F238E27FC236}">
                <a16:creationId xmlns:a16="http://schemas.microsoft.com/office/drawing/2014/main" id="{62EBD801-626F-4953-A89E-230831E2729F}"/>
              </a:ext>
            </a:extLst>
          </p:cNvPr>
          <p:cNvSpPr>
            <a:spLocks noGrp="1"/>
          </p:cNvSpPr>
          <p:nvPr>
            <p:ph type="body" sz="quarter" idx="11"/>
          </p:nvPr>
        </p:nvSpPr>
        <p:spPr>
          <a:xfrm>
            <a:off x="762000" y="915968"/>
            <a:ext cx="10409484" cy="459490"/>
          </a:xfrm>
        </p:spPr>
        <p:txBody>
          <a:bodyPr/>
          <a:lstStyle/>
          <a:p>
            <a:r>
              <a:rPr lang="en-US"/>
              <a:t>SOFR timeline and trends</a:t>
            </a:r>
          </a:p>
        </p:txBody>
      </p:sp>
      <p:graphicFrame>
        <p:nvGraphicFramePr>
          <p:cNvPr id="49" name="Chart 48">
            <a:extLst>
              <a:ext uri="{FF2B5EF4-FFF2-40B4-BE49-F238E27FC236}">
                <a16:creationId xmlns:a16="http://schemas.microsoft.com/office/drawing/2014/main" id="{98C8B68D-2274-4D44-AE74-22DCFB89BFE3}"/>
              </a:ext>
            </a:extLst>
          </p:cNvPr>
          <p:cNvGraphicFramePr>
            <a:graphicFrameLocks/>
          </p:cNvGraphicFramePr>
          <p:nvPr/>
        </p:nvGraphicFramePr>
        <p:xfrm>
          <a:off x="5019675" y="1196166"/>
          <a:ext cx="6515100" cy="2642409"/>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50" name="Chart 49">
            <a:extLst>
              <a:ext uri="{FF2B5EF4-FFF2-40B4-BE49-F238E27FC236}">
                <a16:creationId xmlns:a16="http://schemas.microsoft.com/office/drawing/2014/main" id="{2005C38B-0DBF-4F45-90CF-4BA6F37E9EA4}"/>
              </a:ext>
            </a:extLst>
          </p:cNvPr>
          <p:cNvGraphicFramePr>
            <a:graphicFrameLocks/>
          </p:cNvGraphicFramePr>
          <p:nvPr/>
        </p:nvGraphicFramePr>
        <p:xfrm>
          <a:off x="5019673" y="3838575"/>
          <a:ext cx="6515102" cy="2427874"/>
        </p:xfrm>
        <a:graphic>
          <a:graphicData uri="http://schemas.openxmlformats.org/drawingml/2006/chart">
            <c:chart xmlns:c="http://schemas.openxmlformats.org/drawingml/2006/chart" xmlns:r="http://schemas.openxmlformats.org/officeDocument/2006/relationships" r:id="rId4"/>
          </a:graphicData>
        </a:graphic>
      </p:graphicFrame>
      <p:grpSp>
        <p:nvGrpSpPr>
          <p:cNvPr id="58" name="Group 57">
            <a:extLst>
              <a:ext uri="{FF2B5EF4-FFF2-40B4-BE49-F238E27FC236}">
                <a16:creationId xmlns:a16="http://schemas.microsoft.com/office/drawing/2014/main" id="{42A9BD3F-8E7D-42E1-AD68-9C8BA7842439}"/>
              </a:ext>
            </a:extLst>
          </p:cNvPr>
          <p:cNvGrpSpPr/>
          <p:nvPr/>
        </p:nvGrpSpPr>
        <p:grpSpPr>
          <a:xfrm>
            <a:off x="762001" y="1435004"/>
            <a:ext cx="3943349" cy="4606733"/>
            <a:chOff x="762001" y="1677765"/>
            <a:chExt cx="3943349" cy="4606733"/>
          </a:xfrm>
        </p:grpSpPr>
        <p:sp>
          <p:nvSpPr>
            <p:cNvPr id="36" name="Rectangle 35">
              <a:extLst>
                <a:ext uri="{FF2B5EF4-FFF2-40B4-BE49-F238E27FC236}">
                  <a16:creationId xmlns:a16="http://schemas.microsoft.com/office/drawing/2014/main" id="{608B12AD-DFE8-4EE1-ADAA-12196F7D9569}"/>
                </a:ext>
              </a:extLst>
            </p:cNvPr>
            <p:cNvSpPr/>
            <p:nvPr/>
          </p:nvSpPr>
          <p:spPr>
            <a:xfrm>
              <a:off x="762001" y="1818009"/>
              <a:ext cx="3943349" cy="4466489"/>
            </a:xfrm>
            <a:prstGeom prst="rect">
              <a:avLst/>
            </a:prstGeom>
            <a:no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91440" tIns="182880" rIns="91440" bIns="91440" rtlCol="0" anchor="t"/>
            <a:lstStyle/>
            <a:p>
              <a:pPr marL="182880" indent="-182880" algn="l">
                <a:spcBef>
                  <a:spcPts val="300"/>
                </a:spcBef>
                <a:spcAft>
                  <a:spcPts val="300"/>
                </a:spcAft>
                <a:buFont typeface="Wingdings" panose="05000000000000000000" pitchFamily="2" charset="2"/>
                <a:buChar char="§"/>
              </a:pPr>
              <a:r>
                <a:rPr lang="en-US" sz="1400">
                  <a:solidFill>
                    <a:schemeClr val="tx1"/>
                  </a:solidFill>
                </a:rPr>
                <a:t>LIBOR extinguishes June 30, 2023</a:t>
              </a:r>
            </a:p>
            <a:p>
              <a:pPr marL="182880" indent="-182880" algn="l">
                <a:spcBef>
                  <a:spcPts val="300"/>
                </a:spcBef>
                <a:spcAft>
                  <a:spcPts val="300"/>
                </a:spcAft>
                <a:buFont typeface="Wingdings" panose="05000000000000000000" pitchFamily="2" charset="2"/>
                <a:buChar char="§"/>
              </a:pPr>
              <a:r>
                <a:rPr lang="en-US" sz="1400">
                  <a:solidFill>
                    <a:schemeClr val="tx1"/>
                  </a:solidFill>
                </a:rPr>
                <a:t>Some ongoing LIBOR derivatives activity on legacy LIBOR debt; liquidity may diminish as 2023 approaches</a:t>
              </a:r>
            </a:p>
            <a:p>
              <a:pPr marL="182880" indent="-182880" algn="l">
                <a:spcBef>
                  <a:spcPts val="300"/>
                </a:spcBef>
                <a:spcAft>
                  <a:spcPts val="300"/>
                </a:spcAft>
                <a:buFont typeface="Wingdings" panose="05000000000000000000" pitchFamily="2" charset="2"/>
                <a:buChar char="§"/>
              </a:pPr>
              <a:r>
                <a:rPr lang="en-US" sz="1400">
                  <a:solidFill>
                    <a:schemeClr val="tx1"/>
                  </a:solidFill>
                </a:rPr>
                <a:t>Majority of debt origination is on SOFR</a:t>
              </a:r>
            </a:p>
            <a:p>
              <a:pPr marL="182880" indent="-182880" algn="l">
                <a:spcBef>
                  <a:spcPts val="300"/>
                </a:spcBef>
                <a:spcAft>
                  <a:spcPts val="300"/>
                </a:spcAft>
                <a:buFont typeface="Wingdings" panose="05000000000000000000" pitchFamily="2" charset="2"/>
                <a:buChar char="§"/>
              </a:pPr>
              <a:r>
                <a:rPr lang="en-US" sz="1400">
                  <a:solidFill>
                    <a:schemeClr val="tx1"/>
                  </a:solidFill>
                </a:rPr>
                <a:t>Various versions of SOFR are emerging; term SOFR liquidity still limited</a:t>
              </a:r>
            </a:p>
            <a:p>
              <a:pPr marL="182880" indent="-182880" algn="l">
                <a:spcBef>
                  <a:spcPts val="300"/>
                </a:spcBef>
                <a:spcAft>
                  <a:spcPts val="300"/>
                </a:spcAft>
                <a:buFont typeface="Wingdings" panose="05000000000000000000" pitchFamily="2" charset="2"/>
                <a:buChar char="§"/>
              </a:pPr>
              <a:r>
                <a:rPr lang="en-US" sz="1400">
                  <a:solidFill>
                    <a:schemeClr val="tx1"/>
                  </a:solidFill>
                </a:rPr>
                <a:t>Weekly SOFR trade count has fully surpassed LIBOR, and LIBOR transaction volume has lost steam</a:t>
              </a:r>
            </a:p>
            <a:p>
              <a:pPr marL="182880" indent="-182880" algn="l">
                <a:spcBef>
                  <a:spcPts val="300"/>
                </a:spcBef>
                <a:spcAft>
                  <a:spcPts val="300"/>
                </a:spcAft>
                <a:buFont typeface="Wingdings" panose="05000000000000000000" pitchFamily="2" charset="2"/>
                <a:buChar char="§"/>
              </a:pPr>
              <a:endParaRPr lang="en-US" sz="1400">
                <a:solidFill>
                  <a:schemeClr val="tx1"/>
                </a:solidFill>
              </a:endParaRPr>
            </a:p>
            <a:p>
              <a:pPr algn="l">
                <a:spcBef>
                  <a:spcPts val="300"/>
                </a:spcBef>
                <a:spcAft>
                  <a:spcPts val="300"/>
                </a:spcAft>
              </a:pPr>
              <a:endParaRPr lang="en-US" sz="1400">
                <a:solidFill>
                  <a:schemeClr val="tx1"/>
                </a:solidFill>
              </a:endParaRPr>
            </a:p>
            <a:p>
              <a:pPr marL="182880" indent="-182880" algn="l">
                <a:spcBef>
                  <a:spcPts val="300"/>
                </a:spcBef>
                <a:spcAft>
                  <a:spcPts val="300"/>
                </a:spcAft>
                <a:buFont typeface="Wingdings" panose="05000000000000000000" pitchFamily="2" charset="2"/>
                <a:buChar char="§"/>
              </a:pPr>
              <a:endParaRPr lang="en-US" sz="1400">
                <a:solidFill>
                  <a:schemeClr val="tx1"/>
                </a:solidFill>
              </a:endParaRPr>
            </a:p>
            <a:p>
              <a:pPr marL="182880" indent="-182880" algn="l">
                <a:spcBef>
                  <a:spcPts val="300"/>
                </a:spcBef>
                <a:spcAft>
                  <a:spcPts val="300"/>
                </a:spcAft>
                <a:buFont typeface="Wingdings" panose="05000000000000000000" pitchFamily="2" charset="2"/>
                <a:buChar char="§"/>
              </a:pPr>
              <a:endParaRPr lang="en-US" sz="1400">
                <a:solidFill>
                  <a:schemeClr val="tx1"/>
                </a:solidFill>
              </a:endParaRPr>
            </a:p>
            <a:p>
              <a:pPr algn="ctr">
                <a:spcBef>
                  <a:spcPts val="300"/>
                </a:spcBef>
                <a:spcAft>
                  <a:spcPts val="300"/>
                </a:spcAft>
              </a:pPr>
              <a:r>
                <a:rPr lang="en-US" sz="1400" i="1">
                  <a:solidFill>
                    <a:srgbClr val="8D0E57"/>
                  </a:solidFill>
                </a:rPr>
                <a:t>Chatham is permanently switching to SOFR discounting by May month end</a:t>
              </a:r>
            </a:p>
          </p:txBody>
        </p:sp>
        <p:sp>
          <p:nvSpPr>
            <p:cNvPr id="51" name="Rectangle 50">
              <a:extLst>
                <a:ext uri="{FF2B5EF4-FFF2-40B4-BE49-F238E27FC236}">
                  <a16:creationId xmlns:a16="http://schemas.microsoft.com/office/drawing/2014/main" id="{CE5D6B4F-5C2A-4E05-82EB-DB23E5556E3B}"/>
                </a:ext>
              </a:extLst>
            </p:cNvPr>
            <p:cNvSpPr/>
            <p:nvPr/>
          </p:nvSpPr>
          <p:spPr>
            <a:xfrm>
              <a:off x="1957508" y="1677765"/>
              <a:ext cx="1552335" cy="28048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600" b="1">
                  <a:solidFill>
                    <a:schemeClr val="accent1"/>
                  </a:solidFill>
                </a:rPr>
                <a:t>SOFR Transition</a:t>
              </a:r>
            </a:p>
          </p:txBody>
        </p:sp>
        <p:pic>
          <p:nvPicPr>
            <p:cNvPr id="57" name="Picture 56">
              <a:extLst>
                <a:ext uri="{FF2B5EF4-FFF2-40B4-BE49-F238E27FC236}">
                  <a16:creationId xmlns:a16="http://schemas.microsoft.com/office/drawing/2014/main" id="{DC5F6902-D997-405A-B62E-725D84D10CB0}"/>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2097055" y="4415892"/>
              <a:ext cx="1273240" cy="1273240"/>
            </a:xfrm>
            <a:prstGeom prst="rect">
              <a:avLst/>
            </a:prstGeom>
          </p:spPr>
        </p:pic>
      </p:grpSp>
      <p:sp>
        <p:nvSpPr>
          <p:cNvPr id="59" name="Rectangle 58">
            <a:extLst>
              <a:ext uri="{FF2B5EF4-FFF2-40B4-BE49-F238E27FC236}">
                <a16:creationId xmlns:a16="http://schemas.microsoft.com/office/drawing/2014/main" id="{A7B05688-E003-42FA-B13A-4E1EB8A8043B}"/>
              </a:ext>
            </a:extLst>
          </p:cNvPr>
          <p:cNvSpPr/>
          <p:nvPr/>
        </p:nvSpPr>
        <p:spPr>
          <a:xfrm>
            <a:off x="10104605" y="6266449"/>
            <a:ext cx="1133554" cy="15340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200" i="1">
                <a:solidFill>
                  <a:schemeClr val="tx1"/>
                </a:solidFill>
              </a:rPr>
              <a:t>Source: ISDA.org</a:t>
            </a:r>
          </a:p>
        </p:txBody>
      </p:sp>
    </p:spTree>
    <p:extLst>
      <p:ext uri="{BB962C8B-B14F-4D97-AF65-F5344CB8AC3E}">
        <p14:creationId xmlns:p14="http://schemas.microsoft.com/office/powerpoint/2010/main" val="24088191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732ABA-A373-4E85-83D0-9D00DA4FA167}"/>
              </a:ext>
            </a:extLst>
          </p:cNvPr>
          <p:cNvSpPr>
            <a:spLocks noGrp="1"/>
          </p:cNvSpPr>
          <p:nvPr>
            <p:ph type="title"/>
          </p:nvPr>
        </p:nvSpPr>
        <p:spPr/>
        <p:txBody>
          <a:bodyPr/>
          <a:lstStyle/>
          <a:p>
            <a:r>
              <a:rPr lang="en-US"/>
              <a:t>LIBOR – SOFR transition</a:t>
            </a:r>
          </a:p>
        </p:txBody>
      </p:sp>
      <p:sp>
        <p:nvSpPr>
          <p:cNvPr id="4" name="Text Placeholder 3">
            <a:extLst>
              <a:ext uri="{FF2B5EF4-FFF2-40B4-BE49-F238E27FC236}">
                <a16:creationId xmlns:a16="http://schemas.microsoft.com/office/drawing/2014/main" id="{8A8AE332-2FD7-46D9-B3FD-B08F2646F49F}"/>
              </a:ext>
            </a:extLst>
          </p:cNvPr>
          <p:cNvSpPr>
            <a:spLocks noGrp="1"/>
          </p:cNvSpPr>
          <p:nvPr>
            <p:ph type="body" sz="quarter" idx="11"/>
          </p:nvPr>
        </p:nvSpPr>
        <p:spPr/>
        <p:txBody>
          <a:bodyPr/>
          <a:lstStyle/>
          <a:p>
            <a:r>
              <a:rPr lang="en-US"/>
              <a:t>Understanding SOFR fallback spreads</a:t>
            </a:r>
          </a:p>
        </p:txBody>
      </p:sp>
      <p:sp>
        <p:nvSpPr>
          <p:cNvPr id="5" name="Rectangle 4">
            <a:extLst>
              <a:ext uri="{FF2B5EF4-FFF2-40B4-BE49-F238E27FC236}">
                <a16:creationId xmlns:a16="http://schemas.microsoft.com/office/drawing/2014/main" id="{4A41F2BF-38E9-4E9C-9238-D3BB7F25C1F3}"/>
              </a:ext>
            </a:extLst>
          </p:cNvPr>
          <p:cNvSpPr/>
          <p:nvPr/>
        </p:nvSpPr>
        <p:spPr>
          <a:xfrm>
            <a:off x="762001" y="1717505"/>
            <a:ext cx="3657600" cy="171149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t"/>
          <a:lstStyle/>
          <a:p>
            <a:pPr marL="171450" indent="-171450" algn="l">
              <a:spcBef>
                <a:spcPts val="600"/>
              </a:spcBef>
              <a:spcAft>
                <a:spcPts val="600"/>
              </a:spcAft>
              <a:buFont typeface="Wingdings" panose="05000000000000000000" pitchFamily="2" charset="2"/>
              <a:buChar char="§"/>
            </a:pPr>
            <a:r>
              <a:rPr lang="en-US" sz="1200">
                <a:solidFill>
                  <a:schemeClr val="tx1"/>
                </a:solidFill>
              </a:rPr>
              <a:t>The ISDA defined fallback of </a:t>
            </a:r>
            <a:r>
              <a:rPr lang="en-US" sz="1200" b="1">
                <a:solidFill>
                  <a:schemeClr val="accent2"/>
                </a:solidFill>
              </a:rPr>
              <a:t>11.6bps</a:t>
            </a:r>
            <a:r>
              <a:rPr lang="en-US" sz="1200">
                <a:solidFill>
                  <a:schemeClr val="tx1"/>
                </a:solidFill>
              </a:rPr>
              <a:t> established a benchmark for derivatives markets</a:t>
            </a:r>
          </a:p>
          <a:p>
            <a:pPr marL="171450" indent="-171450" algn="l">
              <a:spcBef>
                <a:spcPts val="600"/>
              </a:spcBef>
              <a:spcAft>
                <a:spcPts val="600"/>
              </a:spcAft>
              <a:buFont typeface="Wingdings" panose="05000000000000000000" pitchFamily="2" charset="2"/>
              <a:buChar char="§"/>
            </a:pPr>
            <a:r>
              <a:rPr lang="en-US" sz="1200">
                <a:solidFill>
                  <a:schemeClr val="tx1"/>
                </a:solidFill>
              </a:rPr>
              <a:t>Forward-looking spreads have differed somewhat from this (see chart)</a:t>
            </a:r>
          </a:p>
          <a:p>
            <a:pPr marL="171450" indent="-171450" algn="l">
              <a:spcBef>
                <a:spcPts val="600"/>
              </a:spcBef>
              <a:spcAft>
                <a:spcPts val="600"/>
              </a:spcAft>
              <a:buFont typeface="Wingdings" panose="05000000000000000000" pitchFamily="2" charset="2"/>
              <a:buChar char="§"/>
            </a:pPr>
            <a:r>
              <a:rPr lang="en-US" sz="1200">
                <a:solidFill>
                  <a:schemeClr val="tx1"/>
                </a:solidFill>
              </a:rPr>
              <a:t>Credit-spread-adjustments (CSAs) may or may not be appropriate in a debt agreement</a:t>
            </a:r>
          </a:p>
        </p:txBody>
      </p:sp>
      <p:sp>
        <p:nvSpPr>
          <p:cNvPr id="6" name="Rectangle 5">
            <a:extLst>
              <a:ext uri="{FF2B5EF4-FFF2-40B4-BE49-F238E27FC236}">
                <a16:creationId xmlns:a16="http://schemas.microsoft.com/office/drawing/2014/main" id="{3AB8F6C2-9445-49A8-86B6-DC1A242B7F4B}"/>
              </a:ext>
            </a:extLst>
          </p:cNvPr>
          <p:cNvSpPr/>
          <p:nvPr/>
        </p:nvSpPr>
        <p:spPr>
          <a:xfrm>
            <a:off x="762001" y="4182518"/>
            <a:ext cx="3657600" cy="192405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91440" tIns="182880" rIns="91440" bIns="91440" rtlCol="0" anchor="t"/>
          <a:lstStyle/>
          <a:p>
            <a:pPr algn="l"/>
            <a:endParaRPr lang="en-US" sz="1200">
              <a:solidFill>
                <a:schemeClr val="tx1"/>
              </a:solidFill>
            </a:endParaRPr>
          </a:p>
          <a:p>
            <a:pPr algn="l"/>
            <a:endParaRPr lang="en-US" sz="1200">
              <a:solidFill>
                <a:schemeClr val="tx1"/>
              </a:solidFill>
            </a:endParaRPr>
          </a:p>
          <a:p>
            <a:pPr algn="l"/>
            <a:endParaRPr lang="en-US" sz="1200">
              <a:solidFill>
                <a:schemeClr val="tx1"/>
              </a:solidFill>
            </a:endParaRPr>
          </a:p>
        </p:txBody>
      </p:sp>
      <p:graphicFrame>
        <p:nvGraphicFramePr>
          <p:cNvPr id="8" name="Table 7">
            <a:extLst>
              <a:ext uri="{FF2B5EF4-FFF2-40B4-BE49-F238E27FC236}">
                <a16:creationId xmlns:a16="http://schemas.microsoft.com/office/drawing/2014/main" id="{799FFEE4-BC92-495E-A569-21AC25C18C75}"/>
              </a:ext>
            </a:extLst>
          </p:cNvPr>
          <p:cNvGraphicFramePr>
            <a:graphicFrameLocks noGrp="1"/>
          </p:cNvGraphicFramePr>
          <p:nvPr/>
        </p:nvGraphicFramePr>
        <p:xfrm>
          <a:off x="4835525" y="5623504"/>
          <a:ext cx="6335960" cy="501298"/>
        </p:xfrm>
        <a:graphic>
          <a:graphicData uri="http://schemas.openxmlformats.org/drawingml/2006/table">
            <a:tbl>
              <a:tblPr/>
              <a:tblGrid>
                <a:gridCol w="1481683">
                  <a:extLst>
                    <a:ext uri="{9D8B030D-6E8A-4147-A177-3AD203B41FA5}">
                      <a16:colId xmlns:a16="http://schemas.microsoft.com/office/drawing/2014/main" val="1837442100"/>
                    </a:ext>
                  </a:extLst>
                </a:gridCol>
                <a:gridCol w="677341">
                  <a:extLst>
                    <a:ext uri="{9D8B030D-6E8A-4147-A177-3AD203B41FA5}">
                      <a16:colId xmlns:a16="http://schemas.microsoft.com/office/drawing/2014/main" val="2156582203"/>
                    </a:ext>
                  </a:extLst>
                </a:gridCol>
                <a:gridCol w="790231">
                  <a:extLst>
                    <a:ext uri="{9D8B030D-6E8A-4147-A177-3AD203B41FA5}">
                      <a16:colId xmlns:a16="http://schemas.microsoft.com/office/drawing/2014/main" val="4215894871"/>
                    </a:ext>
                  </a:extLst>
                </a:gridCol>
                <a:gridCol w="677341">
                  <a:extLst>
                    <a:ext uri="{9D8B030D-6E8A-4147-A177-3AD203B41FA5}">
                      <a16:colId xmlns:a16="http://schemas.microsoft.com/office/drawing/2014/main" val="1357167311"/>
                    </a:ext>
                  </a:extLst>
                </a:gridCol>
                <a:gridCol w="677341">
                  <a:extLst>
                    <a:ext uri="{9D8B030D-6E8A-4147-A177-3AD203B41FA5}">
                      <a16:colId xmlns:a16="http://schemas.microsoft.com/office/drawing/2014/main" val="3173817139"/>
                    </a:ext>
                  </a:extLst>
                </a:gridCol>
                <a:gridCol w="677341">
                  <a:extLst>
                    <a:ext uri="{9D8B030D-6E8A-4147-A177-3AD203B41FA5}">
                      <a16:colId xmlns:a16="http://schemas.microsoft.com/office/drawing/2014/main" val="2561401455"/>
                    </a:ext>
                  </a:extLst>
                </a:gridCol>
                <a:gridCol w="677341">
                  <a:extLst>
                    <a:ext uri="{9D8B030D-6E8A-4147-A177-3AD203B41FA5}">
                      <a16:colId xmlns:a16="http://schemas.microsoft.com/office/drawing/2014/main" val="2710268355"/>
                    </a:ext>
                  </a:extLst>
                </a:gridCol>
                <a:gridCol w="677341">
                  <a:extLst>
                    <a:ext uri="{9D8B030D-6E8A-4147-A177-3AD203B41FA5}">
                      <a16:colId xmlns:a16="http://schemas.microsoft.com/office/drawing/2014/main" val="1901637660"/>
                    </a:ext>
                  </a:extLst>
                </a:gridCol>
              </a:tblGrid>
              <a:tr h="250649">
                <a:tc>
                  <a:txBody>
                    <a:bodyPr/>
                    <a:lstStyle/>
                    <a:p>
                      <a:pPr algn="ctr" fontAlgn="b"/>
                      <a:r>
                        <a:rPr lang="en-US" sz="1100" b="1" i="0" u="none" strike="noStrike">
                          <a:solidFill>
                            <a:srgbClr val="1F2322"/>
                          </a:solidFill>
                          <a:effectLst/>
                          <a:latin typeface="Calibri" panose="020F0502020204030204" pitchFamily="34" charset="0"/>
                        </a:rPr>
                        <a:t>Hedge Tenor </a:t>
                      </a:r>
                    </a:p>
                  </a:txBody>
                  <a:tcPr marL="9525" marR="9525" marT="9525" marB="0" anchor="ctr">
                    <a:lnL>
                      <a:noFill/>
                    </a:lnL>
                    <a:lnR w="12700" cap="flat" cmpd="sng" algn="ctr">
                      <a:solidFill>
                        <a:schemeClr val="bg2"/>
                      </a:solidFill>
                      <a:prstDash val="solid"/>
                      <a:round/>
                      <a:headEnd type="none" w="med" len="med"/>
                      <a:tailEnd type="none" w="med" len="med"/>
                    </a:lnR>
                    <a:lnT>
                      <a:noFill/>
                    </a:lnT>
                    <a:lnB w="12700" cap="flat" cmpd="sng" algn="ctr">
                      <a:solidFill>
                        <a:srgbClr val="8D0E57"/>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1y</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2y</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3y</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4y</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5y</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6y</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7y</a:t>
                      </a:r>
                    </a:p>
                  </a:txBody>
                  <a:tcPr marL="9525" marR="9525" marT="9525" marB="0" anchor="ctr">
                    <a:lnL w="12700" cap="flat" cmpd="sng" algn="ctr">
                      <a:solidFill>
                        <a:schemeClr val="bg2"/>
                      </a:solidFill>
                      <a:prstDash val="solid"/>
                      <a:round/>
                      <a:headEnd type="none" w="med" len="med"/>
                      <a:tailEnd type="none" w="med" len="med"/>
                    </a:lnL>
                    <a:lnR>
                      <a:noFill/>
                    </a:lnR>
                    <a:lnT>
                      <a:noFill/>
                    </a:lnT>
                    <a:lnB w="12700" cap="flat" cmpd="sng" algn="ctr">
                      <a:solidFill>
                        <a:schemeClr val="accent1"/>
                      </a:solidFill>
                      <a:prstDash val="solid"/>
                      <a:round/>
                      <a:headEnd type="none" w="med" len="med"/>
                      <a:tailEnd type="none" w="med" len="med"/>
                    </a:lnB>
                    <a:solidFill>
                      <a:schemeClr val="bg1"/>
                    </a:solidFill>
                  </a:tcPr>
                </a:tc>
                <a:extLst>
                  <a:ext uri="{0D108BD9-81ED-4DB2-BD59-A6C34878D82A}">
                    <a16:rowId xmlns:a16="http://schemas.microsoft.com/office/drawing/2014/main" val="1846505030"/>
                  </a:ext>
                </a:extLst>
              </a:tr>
              <a:tr h="250649">
                <a:tc>
                  <a:txBody>
                    <a:bodyPr/>
                    <a:lstStyle/>
                    <a:p>
                      <a:pPr algn="ctr" fontAlgn="b"/>
                      <a:r>
                        <a:rPr lang="en-US" sz="1100" b="1" i="0" u="none" strike="noStrike">
                          <a:solidFill>
                            <a:srgbClr val="1F2322"/>
                          </a:solidFill>
                          <a:effectLst/>
                          <a:latin typeface="Calibri" panose="020F0502020204030204" pitchFamily="34" charset="0"/>
                        </a:rPr>
                        <a:t>SOFR-LIBOR Spread</a:t>
                      </a:r>
                    </a:p>
                  </a:txBody>
                  <a:tcPr marL="9525" marR="9525" marT="9525" marB="0" anchor="ctr">
                    <a:lnL>
                      <a:noFill/>
                    </a:lnL>
                    <a:lnR w="12700" cap="flat" cmpd="sng" algn="ctr">
                      <a:solidFill>
                        <a:schemeClr val="bg2"/>
                      </a:solidFill>
                      <a:prstDash val="solid"/>
                      <a:round/>
                      <a:headEnd type="none" w="med" len="med"/>
                      <a:tailEnd type="none" w="med" len="med"/>
                    </a:lnR>
                    <a:lnT w="12700" cap="flat" cmpd="sng" algn="ctr">
                      <a:solidFill>
                        <a:srgbClr val="8D0E57"/>
                      </a:solidFill>
                      <a:prstDash val="solid"/>
                      <a:round/>
                      <a:headEnd type="none" w="med" len="med"/>
                      <a:tailEnd type="none" w="med" len="med"/>
                    </a:lnT>
                    <a:lnB>
                      <a:noFill/>
                    </a:lnB>
                    <a:solidFill>
                      <a:srgbClr val="FFFFFF"/>
                    </a:solidFill>
                  </a:tcPr>
                </a:tc>
                <a:tc>
                  <a:txBody>
                    <a:bodyPr/>
                    <a:lstStyle/>
                    <a:p>
                      <a:pPr algn="ctr" fontAlgn="b"/>
                      <a:r>
                        <a:rPr lang="en-US" sz="1100" b="0" i="0" u="none" strike="noStrike">
                          <a:solidFill>
                            <a:srgbClr val="1F2322"/>
                          </a:solidFill>
                          <a:effectLst/>
                          <a:latin typeface="Calibri" panose="020F0502020204030204" pitchFamily="34" charset="0"/>
                        </a:rPr>
                        <a:t>31 bps</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accent1"/>
                      </a:solidFill>
                      <a:prstDash val="solid"/>
                      <a:round/>
                      <a:headEnd type="none" w="med" len="med"/>
                      <a:tailEnd type="none" w="med" len="med"/>
                    </a:lnT>
                    <a:lnB>
                      <a:noFill/>
                    </a:lnB>
                    <a:solidFill>
                      <a:srgbClr val="FFFFFF"/>
                    </a:solidFill>
                  </a:tcPr>
                </a:tc>
                <a:tc>
                  <a:txBody>
                    <a:bodyPr/>
                    <a:lstStyle/>
                    <a:p>
                      <a:pPr algn="ctr" fontAlgn="b"/>
                      <a:r>
                        <a:rPr lang="en-US" sz="1100" b="0" i="0" u="none" strike="noStrike">
                          <a:solidFill>
                            <a:srgbClr val="1F2322"/>
                          </a:solidFill>
                          <a:effectLst/>
                          <a:latin typeface="Calibri" panose="020F0502020204030204" pitchFamily="34" charset="0"/>
                        </a:rPr>
                        <a:t>5 bps</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accent1"/>
                      </a:solidFill>
                      <a:prstDash val="solid"/>
                      <a:round/>
                      <a:headEnd type="none" w="med" len="med"/>
                      <a:tailEnd type="none" w="med" len="med"/>
                    </a:lnT>
                    <a:lnB>
                      <a:noFill/>
                    </a:lnB>
                    <a:solidFill>
                      <a:srgbClr val="FFFFFF"/>
                    </a:solidFill>
                  </a:tcPr>
                </a:tc>
                <a:tc>
                  <a:txBody>
                    <a:bodyPr/>
                    <a:lstStyle/>
                    <a:p>
                      <a:pPr algn="ctr" fontAlgn="b"/>
                      <a:r>
                        <a:rPr lang="en-US" sz="1100" b="0" i="0" u="none" strike="noStrike">
                          <a:solidFill>
                            <a:srgbClr val="1F2322"/>
                          </a:solidFill>
                          <a:effectLst/>
                          <a:latin typeface="Calibri" panose="020F0502020204030204" pitchFamily="34" charset="0"/>
                        </a:rPr>
                        <a:t>11 bps</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accent1"/>
                      </a:solidFill>
                      <a:prstDash val="solid"/>
                      <a:round/>
                      <a:headEnd type="none" w="med" len="med"/>
                      <a:tailEnd type="none" w="med" len="med"/>
                    </a:lnT>
                    <a:lnB>
                      <a:noFill/>
                    </a:lnB>
                    <a:solidFill>
                      <a:srgbClr val="FFFFFF"/>
                    </a:solidFill>
                  </a:tcPr>
                </a:tc>
                <a:tc>
                  <a:txBody>
                    <a:bodyPr/>
                    <a:lstStyle/>
                    <a:p>
                      <a:pPr algn="ctr" fontAlgn="b"/>
                      <a:r>
                        <a:rPr lang="en-US" sz="1100" b="0" i="0" u="none" strike="noStrike">
                          <a:solidFill>
                            <a:srgbClr val="1F2322"/>
                          </a:solidFill>
                          <a:effectLst/>
                          <a:latin typeface="Calibri" panose="020F0502020204030204" pitchFamily="34" charset="0"/>
                        </a:rPr>
                        <a:t>13 bps</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accent1"/>
                      </a:solidFill>
                      <a:prstDash val="solid"/>
                      <a:round/>
                      <a:headEnd type="none" w="med" len="med"/>
                      <a:tailEnd type="none" w="med" len="med"/>
                    </a:lnT>
                    <a:lnB>
                      <a:noFill/>
                    </a:lnB>
                    <a:solidFill>
                      <a:srgbClr val="FFFFFF"/>
                    </a:solidFill>
                  </a:tcPr>
                </a:tc>
                <a:tc>
                  <a:txBody>
                    <a:bodyPr/>
                    <a:lstStyle/>
                    <a:p>
                      <a:pPr algn="ctr" fontAlgn="b"/>
                      <a:r>
                        <a:rPr lang="en-US" sz="1100" b="0" i="0" u="none" strike="noStrike">
                          <a:solidFill>
                            <a:srgbClr val="1F2322"/>
                          </a:solidFill>
                          <a:effectLst/>
                          <a:latin typeface="Calibri" panose="020F0502020204030204" pitchFamily="34" charset="0"/>
                        </a:rPr>
                        <a:t>14 bps</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accent1"/>
                      </a:solidFill>
                      <a:prstDash val="solid"/>
                      <a:round/>
                      <a:headEnd type="none" w="med" len="med"/>
                      <a:tailEnd type="none" w="med" len="med"/>
                    </a:lnT>
                    <a:lnB>
                      <a:noFill/>
                    </a:lnB>
                    <a:solidFill>
                      <a:srgbClr val="FFFFFF"/>
                    </a:solidFill>
                  </a:tcPr>
                </a:tc>
                <a:tc>
                  <a:txBody>
                    <a:bodyPr/>
                    <a:lstStyle/>
                    <a:p>
                      <a:pPr algn="ctr" fontAlgn="b"/>
                      <a:r>
                        <a:rPr lang="en-US" sz="1100" b="0" i="0" u="none" strike="noStrike">
                          <a:solidFill>
                            <a:srgbClr val="1F2322"/>
                          </a:solidFill>
                          <a:effectLst/>
                          <a:latin typeface="Calibri" panose="020F0502020204030204" pitchFamily="34" charset="0"/>
                        </a:rPr>
                        <a:t>14 bps</a:t>
                      </a:r>
                    </a:p>
                  </a:txBody>
                  <a:tcPr marL="9525" marR="9525" marT="9525" marB="0" anchor="ctr">
                    <a:lnL w="12700" cap="flat" cmpd="sng" algn="ctr">
                      <a:solidFill>
                        <a:schemeClr val="bg2"/>
                      </a:solidFill>
                      <a:prstDash val="solid"/>
                      <a:round/>
                      <a:headEnd type="none" w="med" len="med"/>
                      <a:tailEnd type="none" w="med" len="med"/>
                    </a:lnL>
                    <a:lnR w="12700" cap="flat" cmpd="sng" algn="ctr">
                      <a:solidFill>
                        <a:schemeClr val="bg2"/>
                      </a:solidFill>
                      <a:prstDash val="solid"/>
                      <a:round/>
                      <a:headEnd type="none" w="med" len="med"/>
                      <a:tailEnd type="none" w="med" len="med"/>
                    </a:lnR>
                    <a:lnT w="12700" cap="flat" cmpd="sng" algn="ctr">
                      <a:solidFill>
                        <a:schemeClr val="accent1"/>
                      </a:solidFill>
                      <a:prstDash val="solid"/>
                      <a:round/>
                      <a:headEnd type="none" w="med" len="med"/>
                      <a:tailEnd type="none" w="med" len="med"/>
                    </a:lnT>
                    <a:lnB>
                      <a:noFill/>
                    </a:lnB>
                    <a:solidFill>
                      <a:srgbClr val="FFFFFF"/>
                    </a:solidFill>
                  </a:tcPr>
                </a:tc>
                <a:tc>
                  <a:txBody>
                    <a:bodyPr/>
                    <a:lstStyle/>
                    <a:p>
                      <a:pPr algn="ctr" fontAlgn="b"/>
                      <a:r>
                        <a:rPr lang="en-US" sz="1100" b="0" i="0" u="none" strike="noStrike">
                          <a:solidFill>
                            <a:srgbClr val="1F2322"/>
                          </a:solidFill>
                          <a:effectLst/>
                          <a:latin typeface="Calibri" panose="020F0502020204030204" pitchFamily="34" charset="0"/>
                        </a:rPr>
                        <a:t>10 bps</a:t>
                      </a:r>
                    </a:p>
                  </a:txBody>
                  <a:tcPr marL="9525" marR="9525" marT="9525" marB="0" anchor="ctr">
                    <a:lnL w="12700" cap="flat" cmpd="sng" algn="ctr">
                      <a:solidFill>
                        <a:schemeClr val="bg2"/>
                      </a:solidFill>
                      <a:prstDash val="solid"/>
                      <a:round/>
                      <a:headEnd type="none" w="med" len="med"/>
                      <a:tailEnd type="none" w="med" len="med"/>
                    </a:lnL>
                    <a:lnR>
                      <a:noFill/>
                    </a:lnR>
                    <a:lnT w="12700" cap="flat" cmpd="sng" algn="ctr">
                      <a:solidFill>
                        <a:schemeClr val="accent1"/>
                      </a:solidFill>
                      <a:prstDash val="solid"/>
                      <a:round/>
                      <a:headEnd type="none" w="med" len="med"/>
                      <a:tailEnd type="none" w="med" len="med"/>
                    </a:lnT>
                    <a:lnB>
                      <a:noFill/>
                    </a:lnB>
                    <a:solidFill>
                      <a:srgbClr val="FFFFFF"/>
                    </a:solidFill>
                  </a:tcPr>
                </a:tc>
                <a:extLst>
                  <a:ext uri="{0D108BD9-81ED-4DB2-BD59-A6C34878D82A}">
                    <a16:rowId xmlns:a16="http://schemas.microsoft.com/office/drawing/2014/main" val="1101926029"/>
                  </a:ext>
                </a:extLst>
              </a:tr>
            </a:tbl>
          </a:graphicData>
        </a:graphic>
      </p:graphicFrame>
      <p:cxnSp>
        <p:nvCxnSpPr>
          <p:cNvPr id="21" name="Straight Connector 20">
            <a:extLst>
              <a:ext uri="{FF2B5EF4-FFF2-40B4-BE49-F238E27FC236}">
                <a16:creationId xmlns:a16="http://schemas.microsoft.com/office/drawing/2014/main" id="{8D482DEF-6259-46E8-B76E-653DCB3C73A5}"/>
              </a:ext>
            </a:extLst>
          </p:cNvPr>
          <p:cNvCxnSpPr>
            <a:cxnSpLocks/>
          </p:cNvCxnSpPr>
          <p:nvPr/>
        </p:nvCxnSpPr>
        <p:spPr>
          <a:xfrm>
            <a:off x="762001" y="1578662"/>
            <a:ext cx="3657600"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9" name="Rectangle 18">
            <a:extLst>
              <a:ext uri="{FF2B5EF4-FFF2-40B4-BE49-F238E27FC236}">
                <a16:creationId xmlns:a16="http://schemas.microsoft.com/office/drawing/2014/main" id="{E5F8B34E-CE11-48A2-88DC-17410DA6DFAA}"/>
              </a:ext>
            </a:extLst>
          </p:cNvPr>
          <p:cNvSpPr/>
          <p:nvPr/>
        </p:nvSpPr>
        <p:spPr>
          <a:xfrm>
            <a:off x="1599400" y="1447800"/>
            <a:ext cx="1982802" cy="26970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600" b="1">
                <a:solidFill>
                  <a:schemeClr val="accent1"/>
                </a:solidFill>
              </a:rPr>
              <a:t>SOFR fallback spreads</a:t>
            </a:r>
          </a:p>
        </p:txBody>
      </p:sp>
      <p:graphicFrame>
        <p:nvGraphicFramePr>
          <p:cNvPr id="22" name="Chart 21">
            <a:extLst>
              <a:ext uri="{FF2B5EF4-FFF2-40B4-BE49-F238E27FC236}">
                <a16:creationId xmlns:a16="http://schemas.microsoft.com/office/drawing/2014/main" id="{64534756-020C-4A13-8430-443DDAD8D451}"/>
              </a:ext>
            </a:extLst>
          </p:cNvPr>
          <p:cNvGraphicFramePr>
            <a:graphicFrameLocks/>
          </p:cNvGraphicFramePr>
          <p:nvPr/>
        </p:nvGraphicFramePr>
        <p:xfrm>
          <a:off x="4835525" y="1284681"/>
          <a:ext cx="6718300" cy="3925719"/>
        </p:xfrm>
        <a:graphic>
          <a:graphicData uri="http://schemas.openxmlformats.org/drawingml/2006/chart">
            <c:chart xmlns:c="http://schemas.openxmlformats.org/drawingml/2006/chart" xmlns:r="http://schemas.openxmlformats.org/officeDocument/2006/relationships" r:id="rId4"/>
          </a:graphicData>
        </a:graphic>
      </p:graphicFrame>
      <p:sp>
        <p:nvSpPr>
          <p:cNvPr id="23" name="Rectangle 22">
            <a:extLst>
              <a:ext uri="{FF2B5EF4-FFF2-40B4-BE49-F238E27FC236}">
                <a16:creationId xmlns:a16="http://schemas.microsoft.com/office/drawing/2014/main" id="{EA56C145-0558-4150-9340-CEFE73B470E4}"/>
              </a:ext>
            </a:extLst>
          </p:cNvPr>
          <p:cNvSpPr/>
          <p:nvPr/>
        </p:nvSpPr>
        <p:spPr>
          <a:xfrm>
            <a:off x="1538410" y="4047665"/>
            <a:ext cx="2104783" cy="26970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600" b="1">
                <a:solidFill>
                  <a:schemeClr val="accent1"/>
                </a:solidFill>
              </a:rPr>
              <a:t>SOFR floor implications</a:t>
            </a:r>
          </a:p>
        </p:txBody>
      </p:sp>
      <p:sp>
        <p:nvSpPr>
          <p:cNvPr id="24" name="Rectangle 23">
            <a:extLst>
              <a:ext uri="{FF2B5EF4-FFF2-40B4-BE49-F238E27FC236}">
                <a16:creationId xmlns:a16="http://schemas.microsoft.com/office/drawing/2014/main" id="{EFD64B50-54E8-48B5-AF3B-A571431DBD4E}"/>
              </a:ext>
            </a:extLst>
          </p:cNvPr>
          <p:cNvSpPr/>
          <p:nvPr/>
        </p:nvSpPr>
        <p:spPr>
          <a:xfrm>
            <a:off x="853629" y="4373171"/>
            <a:ext cx="1628775" cy="98759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400">
                <a:solidFill>
                  <a:schemeClr val="tx1"/>
                </a:solidFill>
              </a:rPr>
              <a:t>Understand whether a SOFR floor includes a quoted spread or not</a:t>
            </a:r>
          </a:p>
        </p:txBody>
      </p:sp>
      <p:sp>
        <p:nvSpPr>
          <p:cNvPr id="25" name="Rectangle 24">
            <a:extLst>
              <a:ext uri="{FF2B5EF4-FFF2-40B4-BE49-F238E27FC236}">
                <a16:creationId xmlns:a16="http://schemas.microsoft.com/office/drawing/2014/main" id="{13B430A7-3858-4912-9E63-20834067538D}"/>
              </a:ext>
            </a:extLst>
          </p:cNvPr>
          <p:cNvSpPr/>
          <p:nvPr/>
        </p:nvSpPr>
        <p:spPr>
          <a:xfrm>
            <a:off x="2691955" y="4366906"/>
            <a:ext cx="1628775" cy="9938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en-US" sz="1400">
                <a:solidFill>
                  <a:schemeClr val="tx1"/>
                </a:solidFill>
              </a:rPr>
              <a:t>Derivative and hedge accounting implications as well</a:t>
            </a:r>
          </a:p>
        </p:txBody>
      </p:sp>
      <p:cxnSp>
        <p:nvCxnSpPr>
          <p:cNvPr id="27" name="Straight Connector 26">
            <a:extLst>
              <a:ext uri="{FF2B5EF4-FFF2-40B4-BE49-F238E27FC236}">
                <a16:creationId xmlns:a16="http://schemas.microsoft.com/office/drawing/2014/main" id="{6F3C9D77-C669-4401-81F8-7028CFF74744}"/>
              </a:ext>
            </a:extLst>
          </p:cNvPr>
          <p:cNvCxnSpPr>
            <a:cxnSpLocks/>
          </p:cNvCxnSpPr>
          <p:nvPr/>
        </p:nvCxnSpPr>
        <p:spPr>
          <a:xfrm>
            <a:off x="2590801" y="4366906"/>
            <a:ext cx="0" cy="1615753"/>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pic>
        <p:nvPicPr>
          <p:cNvPr id="30" name="Picture 29">
            <a:extLst>
              <a:ext uri="{FF2B5EF4-FFF2-40B4-BE49-F238E27FC236}">
                <a16:creationId xmlns:a16="http://schemas.microsoft.com/office/drawing/2014/main" id="{BA93A90B-239B-42AE-803D-8AA3A20D64D3}"/>
              </a:ext>
            </a:extLst>
          </p:cNvPr>
          <p:cNvPicPr>
            <a:picLocks noChangeAspect="1"/>
          </p:cNvPicPr>
          <p:nvPr>
            <p:custDataLst>
              <p:tags r:id="rId1"/>
            </p:custDataLst>
          </p:nvPr>
        </p:nvPicPr>
        <p:blipFill rotWithShape="1">
          <a:blip r:embed="rId5">
            <a:extLst>
              <a:ext uri="{28A0092B-C50C-407E-A947-70E740481C1C}">
                <a14:useLocalDpi xmlns:a14="http://schemas.microsoft.com/office/drawing/2010/main" val="0"/>
              </a:ext>
            </a:extLst>
          </a:blip>
          <a:srcRect/>
          <a:stretch/>
        </p:blipFill>
        <p:spPr>
          <a:xfrm>
            <a:off x="1205830" y="5210402"/>
            <a:ext cx="914400" cy="914400"/>
          </a:xfrm>
          <a:prstGeom prst="rect">
            <a:avLst/>
          </a:prstGeom>
        </p:spPr>
      </p:pic>
      <p:pic>
        <p:nvPicPr>
          <p:cNvPr id="32" name="Picture 31">
            <a:extLst>
              <a:ext uri="{FF2B5EF4-FFF2-40B4-BE49-F238E27FC236}">
                <a16:creationId xmlns:a16="http://schemas.microsoft.com/office/drawing/2014/main" id="{FF8A081B-A92F-43FD-96DB-6BBA1358A4C4}"/>
              </a:ext>
            </a:extLst>
          </p:cNvPr>
          <p:cNvPicPr>
            <a:picLocks noChangeAspect="1"/>
          </p:cNvPicPr>
          <p:nvPr>
            <p:custDataLst>
              <p:tags r:id="rId2"/>
            </p:custDataLst>
          </p:nvPr>
        </p:nvPicPr>
        <p:blipFill rotWithShape="1">
          <a:blip r:embed="rId6">
            <a:extLst>
              <a:ext uri="{28A0092B-C50C-407E-A947-70E740481C1C}">
                <a14:useLocalDpi xmlns:a14="http://schemas.microsoft.com/office/drawing/2010/main" val="0"/>
              </a:ext>
            </a:extLst>
          </a:blip>
          <a:srcRect/>
          <a:stretch/>
        </p:blipFill>
        <p:spPr>
          <a:xfrm>
            <a:off x="3049142" y="5210402"/>
            <a:ext cx="914400" cy="914400"/>
          </a:xfrm>
          <a:prstGeom prst="rect">
            <a:avLst/>
          </a:prstGeom>
        </p:spPr>
      </p:pic>
      <p:sp>
        <p:nvSpPr>
          <p:cNvPr id="26" name="Rectangle 25">
            <a:extLst>
              <a:ext uri="{FF2B5EF4-FFF2-40B4-BE49-F238E27FC236}">
                <a16:creationId xmlns:a16="http://schemas.microsoft.com/office/drawing/2014/main" id="{19580569-8804-4C10-AE43-C93F8DDE66ED}"/>
              </a:ext>
            </a:extLst>
          </p:cNvPr>
          <p:cNvSpPr/>
          <p:nvPr/>
        </p:nvSpPr>
        <p:spPr>
          <a:xfrm>
            <a:off x="8971977" y="6266449"/>
            <a:ext cx="2008160" cy="15340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r>
              <a:rPr lang="en-US" sz="1200" i="1">
                <a:solidFill>
                  <a:schemeClr val="tx1"/>
                </a:solidFill>
              </a:rPr>
              <a:t>Market data as of 5/3/2022</a:t>
            </a:r>
          </a:p>
        </p:txBody>
      </p:sp>
      <p:sp>
        <p:nvSpPr>
          <p:cNvPr id="12" name="Rectangle 11">
            <a:extLst>
              <a:ext uri="{FF2B5EF4-FFF2-40B4-BE49-F238E27FC236}">
                <a16:creationId xmlns:a16="http://schemas.microsoft.com/office/drawing/2014/main" id="{EE6B779B-B946-4E3A-8A75-8219B234A120}"/>
              </a:ext>
            </a:extLst>
          </p:cNvPr>
          <p:cNvSpPr/>
          <p:nvPr/>
        </p:nvSpPr>
        <p:spPr>
          <a:xfrm>
            <a:off x="10350450" y="4967347"/>
            <a:ext cx="1114075" cy="342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050">
                <a:solidFill>
                  <a:schemeClr val="accent5"/>
                </a:solidFill>
              </a:rPr>
              <a:t>7y</a:t>
            </a:r>
          </a:p>
        </p:txBody>
      </p:sp>
      <p:sp>
        <p:nvSpPr>
          <p:cNvPr id="13" name="Rectangle 12">
            <a:extLst>
              <a:ext uri="{FF2B5EF4-FFF2-40B4-BE49-F238E27FC236}">
                <a16:creationId xmlns:a16="http://schemas.microsoft.com/office/drawing/2014/main" id="{E09894A8-583D-41D7-9FCC-1169C4B06CA4}"/>
              </a:ext>
            </a:extLst>
          </p:cNvPr>
          <p:cNvSpPr/>
          <p:nvPr/>
        </p:nvSpPr>
        <p:spPr>
          <a:xfrm>
            <a:off x="5128225" y="4967347"/>
            <a:ext cx="1973652" cy="342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050">
                <a:solidFill>
                  <a:schemeClr val="accent5"/>
                </a:solidFill>
              </a:rPr>
              <a:t>1y</a:t>
            </a:r>
          </a:p>
        </p:txBody>
      </p:sp>
      <p:sp>
        <p:nvSpPr>
          <p:cNvPr id="15" name="Rectangle 14">
            <a:extLst>
              <a:ext uri="{FF2B5EF4-FFF2-40B4-BE49-F238E27FC236}">
                <a16:creationId xmlns:a16="http://schemas.microsoft.com/office/drawing/2014/main" id="{C8F59E76-E49F-4539-927C-11BD88C13C01}"/>
              </a:ext>
            </a:extLst>
          </p:cNvPr>
          <p:cNvSpPr/>
          <p:nvPr/>
        </p:nvSpPr>
        <p:spPr>
          <a:xfrm>
            <a:off x="7155492" y="4967347"/>
            <a:ext cx="1114075" cy="342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050">
                <a:solidFill>
                  <a:schemeClr val="accent5"/>
                </a:solidFill>
              </a:rPr>
              <a:t>3y</a:t>
            </a:r>
          </a:p>
        </p:txBody>
      </p:sp>
      <p:sp>
        <p:nvSpPr>
          <p:cNvPr id="16" name="Rectangle 15">
            <a:extLst>
              <a:ext uri="{FF2B5EF4-FFF2-40B4-BE49-F238E27FC236}">
                <a16:creationId xmlns:a16="http://schemas.microsoft.com/office/drawing/2014/main" id="{67B15E3B-B28B-411E-B518-2BAACE90B3FC}"/>
              </a:ext>
            </a:extLst>
          </p:cNvPr>
          <p:cNvSpPr/>
          <p:nvPr/>
        </p:nvSpPr>
        <p:spPr>
          <a:xfrm>
            <a:off x="7954231" y="4967347"/>
            <a:ext cx="1114075" cy="342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050">
                <a:solidFill>
                  <a:schemeClr val="accent5"/>
                </a:solidFill>
              </a:rPr>
              <a:t>4y</a:t>
            </a:r>
          </a:p>
        </p:txBody>
      </p:sp>
      <p:sp>
        <p:nvSpPr>
          <p:cNvPr id="17" name="Rectangle 16">
            <a:extLst>
              <a:ext uri="{FF2B5EF4-FFF2-40B4-BE49-F238E27FC236}">
                <a16:creationId xmlns:a16="http://schemas.microsoft.com/office/drawing/2014/main" id="{C4B21504-6EF4-491D-872E-719CE2DFE47F}"/>
              </a:ext>
            </a:extLst>
          </p:cNvPr>
          <p:cNvSpPr/>
          <p:nvPr/>
        </p:nvSpPr>
        <p:spPr>
          <a:xfrm>
            <a:off x="8752970" y="4967347"/>
            <a:ext cx="1114075" cy="342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050">
                <a:solidFill>
                  <a:schemeClr val="accent5"/>
                </a:solidFill>
              </a:rPr>
              <a:t>5y</a:t>
            </a:r>
          </a:p>
        </p:txBody>
      </p:sp>
      <p:sp>
        <p:nvSpPr>
          <p:cNvPr id="18" name="Rectangle 17">
            <a:extLst>
              <a:ext uri="{FF2B5EF4-FFF2-40B4-BE49-F238E27FC236}">
                <a16:creationId xmlns:a16="http://schemas.microsoft.com/office/drawing/2014/main" id="{94508BB9-4E03-48C6-84DE-754447B596D4}"/>
              </a:ext>
            </a:extLst>
          </p:cNvPr>
          <p:cNvSpPr/>
          <p:nvPr/>
        </p:nvSpPr>
        <p:spPr>
          <a:xfrm>
            <a:off x="9551709" y="4967347"/>
            <a:ext cx="1114075" cy="342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050">
                <a:solidFill>
                  <a:schemeClr val="accent5"/>
                </a:solidFill>
              </a:rPr>
              <a:t>6y</a:t>
            </a:r>
          </a:p>
        </p:txBody>
      </p:sp>
      <p:sp>
        <p:nvSpPr>
          <p:cNvPr id="14" name="Rectangle 13">
            <a:extLst>
              <a:ext uri="{FF2B5EF4-FFF2-40B4-BE49-F238E27FC236}">
                <a16:creationId xmlns:a16="http://schemas.microsoft.com/office/drawing/2014/main" id="{3030ED05-7DF6-4FFD-817D-1F875579C664}"/>
              </a:ext>
            </a:extLst>
          </p:cNvPr>
          <p:cNvSpPr/>
          <p:nvPr/>
        </p:nvSpPr>
        <p:spPr>
          <a:xfrm>
            <a:off x="6356753" y="4967347"/>
            <a:ext cx="1114075" cy="3423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1050">
                <a:solidFill>
                  <a:schemeClr val="accent5"/>
                </a:solidFill>
              </a:rPr>
              <a:t>2y</a:t>
            </a:r>
          </a:p>
        </p:txBody>
      </p:sp>
    </p:spTree>
    <p:extLst>
      <p:ext uri="{BB962C8B-B14F-4D97-AF65-F5344CB8AC3E}">
        <p14:creationId xmlns:p14="http://schemas.microsoft.com/office/powerpoint/2010/main" val="343359369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90044EF2-3229-45B2-8020-454B0713A3DE}"/>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25</a:t>
            </a:fld>
            <a:endParaRPr lang="en-US">
              <a:solidFill>
                <a:srgbClr val="1F2322"/>
              </a:solidFill>
            </a:endParaRPr>
          </a:p>
        </p:txBody>
      </p:sp>
      <p:sp>
        <p:nvSpPr>
          <p:cNvPr id="3" name="Text Placeholder 2">
            <a:extLst>
              <a:ext uri="{FF2B5EF4-FFF2-40B4-BE49-F238E27FC236}">
                <a16:creationId xmlns:a16="http://schemas.microsoft.com/office/drawing/2014/main" id="{C205619C-2BB7-41F8-BD36-4FEB8B88295F}"/>
              </a:ext>
            </a:extLst>
          </p:cNvPr>
          <p:cNvSpPr>
            <a:spLocks noGrp="1"/>
          </p:cNvSpPr>
          <p:nvPr>
            <p:ph type="body" sz="quarter" idx="11"/>
          </p:nvPr>
        </p:nvSpPr>
        <p:spPr/>
        <p:txBody>
          <a:bodyPr/>
          <a:lstStyle/>
          <a:p>
            <a:r>
              <a:rPr lang="en-US"/>
              <a:t>Interest rate risk mitigation in practice</a:t>
            </a:r>
          </a:p>
        </p:txBody>
      </p:sp>
    </p:spTree>
    <p:custDataLst>
      <p:custData r:id="rId1"/>
      <p:custData r:id="rId2"/>
    </p:custDataLst>
    <p:extLst>
      <p:ext uri="{BB962C8B-B14F-4D97-AF65-F5344CB8AC3E}">
        <p14:creationId xmlns:p14="http://schemas.microsoft.com/office/powerpoint/2010/main" val="71580795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C9BECE-4453-489F-9A2F-97DD43B96C0F}"/>
              </a:ext>
            </a:extLst>
          </p:cNvPr>
          <p:cNvSpPr>
            <a:spLocks noGrp="1"/>
          </p:cNvSpPr>
          <p:nvPr>
            <p:ph type="title"/>
          </p:nvPr>
        </p:nvSpPr>
        <p:spPr/>
        <p:txBody>
          <a:bodyPr/>
          <a:lstStyle/>
          <a:p>
            <a:r>
              <a:rPr lang="en-US"/>
              <a:t>Interest expense analysis: Model assumptions</a:t>
            </a:r>
          </a:p>
        </p:txBody>
      </p:sp>
      <p:sp>
        <p:nvSpPr>
          <p:cNvPr id="4" name="Slide Number Placeholder 3">
            <a:extLst>
              <a:ext uri="{FF2B5EF4-FFF2-40B4-BE49-F238E27FC236}">
                <a16:creationId xmlns:a16="http://schemas.microsoft.com/office/drawing/2014/main" id="{81A2C86D-2D10-4B72-B2E0-ACFFEE350A47}"/>
              </a:ext>
            </a:extLst>
          </p:cNvPr>
          <p:cNvSpPr>
            <a:spLocks noGrp="1"/>
          </p:cNvSpPr>
          <p:nvPr>
            <p:ph type="sldNum" sz="quarter" idx="10"/>
          </p:nvPr>
        </p:nvSpPr>
        <p:spPr>
          <a:xfrm>
            <a:off x="5497125" y="6435257"/>
            <a:ext cx="1197751" cy="166035"/>
          </a:xfrm>
          <a:prstGeom prst="rect">
            <a:avLst/>
          </a:prstGeom>
        </p:spPr>
        <p:txBody>
          <a:bodyPr vert="horz" lIns="0" tIns="0" rIns="0" bIns="0" rtlCol="0" anchor="t"/>
          <a:lstStyle>
            <a:defPPr>
              <a:defRPr lang="en-US"/>
            </a:defPPr>
            <a:lvl1pPr marL="0" algn="ctr" defTabSz="457200" rtl="0" eaLnBrk="1" latinLnBrk="0" hangingPunct="1">
              <a:defRPr sz="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defTabSz="914400"/>
            <a:fld id="{EB4FF9C4-EEBF-D24D-8A4E-C0B9CCE3F975}" type="slidenum">
              <a:rPr lang="en-US" smtClean="0">
                <a:solidFill>
                  <a:srgbClr val="1F2322"/>
                </a:solidFill>
              </a:rPr>
              <a:pPr defTabSz="914400"/>
              <a:t>26</a:t>
            </a:fld>
            <a:endParaRPr lang="en-US">
              <a:solidFill>
                <a:srgbClr val="1F2322"/>
              </a:solidFill>
            </a:endParaRPr>
          </a:p>
        </p:txBody>
      </p:sp>
      <p:graphicFrame>
        <p:nvGraphicFramePr>
          <p:cNvPr id="7" name="Table 6">
            <a:extLst>
              <a:ext uri="{FF2B5EF4-FFF2-40B4-BE49-F238E27FC236}">
                <a16:creationId xmlns:a16="http://schemas.microsoft.com/office/drawing/2014/main" id="{BDEC6F2B-53FF-4E03-8F99-5A39491BFFAE}"/>
              </a:ext>
            </a:extLst>
          </p:cNvPr>
          <p:cNvGraphicFramePr>
            <a:graphicFrameLocks noGrp="1"/>
          </p:cNvGraphicFramePr>
          <p:nvPr>
            <p:extLst>
              <p:ext uri="{D42A27DB-BD31-4B8C-83A1-F6EECF244321}">
                <p14:modId xmlns:p14="http://schemas.microsoft.com/office/powerpoint/2010/main" val="1890192234"/>
              </p:ext>
            </p:extLst>
          </p:nvPr>
        </p:nvGraphicFramePr>
        <p:xfrm>
          <a:off x="762001" y="3990171"/>
          <a:ext cx="10350844" cy="1774979"/>
        </p:xfrm>
        <a:graphic>
          <a:graphicData uri="http://schemas.openxmlformats.org/drawingml/2006/table">
            <a:tbl>
              <a:tblPr>
                <a:tableStyleId>{5C22544A-7EE6-4342-B048-85BDC9FD1C3A}</a:tableStyleId>
              </a:tblPr>
              <a:tblGrid>
                <a:gridCol w="1478692">
                  <a:extLst>
                    <a:ext uri="{9D8B030D-6E8A-4147-A177-3AD203B41FA5}">
                      <a16:colId xmlns:a16="http://schemas.microsoft.com/office/drawing/2014/main" val="457418547"/>
                    </a:ext>
                  </a:extLst>
                </a:gridCol>
                <a:gridCol w="1478692">
                  <a:extLst>
                    <a:ext uri="{9D8B030D-6E8A-4147-A177-3AD203B41FA5}">
                      <a16:colId xmlns:a16="http://schemas.microsoft.com/office/drawing/2014/main" val="1526598608"/>
                    </a:ext>
                  </a:extLst>
                </a:gridCol>
                <a:gridCol w="1478692">
                  <a:extLst>
                    <a:ext uri="{9D8B030D-6E8A-4147-A177-3AD203B41FA5}">
                      <a16:colId xmlns:a16="http://schemas.microsoft.com/office/drawing/2014/main" val="735557762"/>
                    </a:ext>
                  </a:extLst>
                </a:gridCol>
                <a:gridCol w="1478692">
                  <a:extLst>
                    <a:ext uri="{9D8B030D-6E8A-4147-A177-3AD203B41FA5}">
                      <a16:colId xmlns:a16="http://schemas.microsoft.com/office/drawing/2014/main" val="4142933383"/>
                    </a:ext>
                  </a:extLst>
                </a:gridCol>
                <a:gridCol w="1478692">
                  <a:extLst>
                    <a:ext uri="{9D8B030D-6E8A-4147-A177-3AD203B41FA5}">
                      <a16:colId xmlns:a16="http://schemas.microsoft.com/office/drawing/2014/main" val="3940314271"/>
                    </a:ext>
                  </a:extLst>
                </a:gridCol>
                <a:gridCol w="1478692">
                  <a:extLst>
                    <a:ext uri="{9D8B030D-6E8A-4147-A177-3AD203B41FA5}">
                      <a16:colId xmlns:a16="http://schemas.microsoft.com/office/drawing/2014/main" val="673742239"/>
                    </a:ext>
                  </a:extLst>
                </a:gridCol>
                <a:gridCol w="1478692">
                  <a:extLst>
                    <a:ext uri="{9D8B030D-6E8A-4147-A177-3AD203B41FA5}">
                      <a16:colId xmlns:a16="http://schemas.microsoft.com/office/drawing/2014/main" val="1012466607"/>
                    </a:ext>
                  </a:extLst>
                </a:gridCol>
              </a:tblGrid>
              <a:tr h="338705">
                <a:tc>
                  <a:txBody>
                    <a:bodyPr/>
                    <a:lstStyle/>
                    <a:p>
                      <a:pPr algn="ctr" fontAlgn="b"/>
                      <a:r>
                        <a:rPr lang="en-US" sz="1050" b="1" u="none" strike="noStrike">
                          <a:solidFill>
                            <a:schemeClr val="bg1"/>
                          </a:solidFill>
                          <a:effectLst/>
                        </a:rPr>
                        <a:t>Period Start Date</a:t>
                      </a:r>
                      <a:endParaRPr lang="en-US" sz="1050" b="1" i="0" u="none" strike="noStrike">
                        <a:solidFill>
                          <a:schemeClr val="bg1"/>
                        </a:solidFill>
                        <a:effectLst/>
                        <a:latin typeface="Calibri" panose="020F0502020204030204" pitchFamily="34" charset="0"/>
                      </a:endParaRPr>
                    </a:p>
                  </a:txBody>
                  <a:tcPr marL="9525" marR="9525" marT="9525" marB="0" anchor="ctr">
                    <a:lnL w="9525" cap="flat" cmpd="sng" algn="ctr">
                      <a:solidFill>
                        <a:schemeClr val="bg1">
                          <a:lumMod val="85000"/>
                        </a:schemeClr>
                      </a:solidFill>
                      <a:prstDash val="solid"/>
                      <a:round/>
                      <a:headEnd type="none" w="med" len="med"/>
                      <a:tailEnd type="none" w="med" len="med"/>
                    </a:lnL>
                    <a:lnR w="12700" cap="flat" cmpd="sng" algn="ctr">
                      <a:solidFill>
                        <a:schemeClr val="accent5"/>
                      </a:solidFill>
                      <a:prstDash val="sysDot"/>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1"/>
                    </a:solidFill>
                  </a:tcPr>
                </a:tc>
                <a:tc>
                  <a:txBody>
                    <a:bodyPr/>
                    <a:lstStyle/>
                    <a:p>
                      <a:pPr algn="ctr" fontAlgn="b"/>
                      <a:r>
                        <a:rPr lang="en-US" sz="1050" b="1" u="none" strike="noStrike">
                          <a:solidFill>
                            <a:schemeClr val="bg1"/>
                          </a:solidFill>
                          <a:effectLst/>
                        </a:rPr>
                        <a:t>Term Loan balance</a:t>
                      </a:r>
                      <a:endParaRPr lang="en-US" sz="1050" b="1" i="0" u="none" strike="noStrike">
                        <a:solidFill>
                          <a:schemeClr val="bg1"/>
                        </a:solidFill>
                        <a:effectLst/>
                        <a:latin typeface="Calibri" panose="020F0502020204030204" pitchFamily="34" charset="0"/>
                      </a:endParaRPr>
                    </a:p>
                  </a:txBody>
                  <a:tcPr marL="9525" marR="9525" marT="9525" marB="0" anchor="ctr">
                    <a:lnL w="12700" cap="flat" cmpd="sng" algn="ctr">
                      <a:solidFill>
                        <a:schemeClr val="accent5"/>
                      </a:solidFill>
                      <a:prstDash val="sysDot"/>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2"/>
                    </a:solidFill>
                  </a:tcPr>
                </a:tc>
                <a:tc>
                  <a:txBody>
                    <a:bodyPr/>
                    <a:lstStyle/>
                    <a:p>
                      <a:pPr algn="ctr" fontAlgn="b"/>
                      <a:r>
                        <a:rPr lang="en-US" sz="1050" b="1" u="none" strike="noStrike">
                          <a:solidFill>
                            <a:schemeClr val="bg1"/>
                          </a:solidFill>
                          <a:effectLst/>
                        </a:rPr>
                        <a:t>Swap to target 50% fixed </a:t>
                      </a:r>
                      <a:endParaRPr lang="en-US" sz="1050" b="1" i="0" u="none" strike="noStrike">
                        <a:solidFill>
                          <a:schemeClr val="bg1"/>
                        </a:solidFill>
                        <a:effectLst/>
                        <a:latin typeface="Calibri" panose="020F0502020204030204" pitchFamily="34" charset="0"/>
                      </a:endParaRPr>
                    </a:p>
                  </a:txBody>
                  <a:tcPr marL="45720" marR="45720" marT="9525"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4"/>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a:ln>
                            <a:noFill/>
                          </a:ln>
                          <a:solidFill>
                            <a:srgbClr val="FFFFFF"/>
                          </a:solidFill>
                          <a:effectLst/>
                          <a:uLnTx/>
                          <a:uFillTx/>
                          <a:latin typeface="Calibri" panose="020F0502020204030204"/>
                          <a:ea typeface="+mn-ea"/>
                          <a:cs typeface="+mn-cs"/>
                        </a:rPr>
                        <a:t>Swap to target 70% fixed </a:t>
                      </a:r>
                      <a:endParaRPr kumimoji="0" lang="en-US" sz="1050" b="1" i="0" u="none" strike="noStrike" kern="1200" cap="none" spc="0" normalizeH="0" baseline="0" noProof="0">
                        <a:ln>
                          <a:noFill/>
                        </a:ln>
                        <a:solidFill>
                          <a:srgbClr val="FFFFFF"/>
                        </a:solidFill>
                        <a:effectLst/>
                        <a:uLnTx/>
                        <a:uFillTx/>
                        <a:latin typeface="Calibri" panose="020F0502020204030204" pitchFamily="34" charset="0"/>
                        <a:ea typeface="+mn-ea"/>
                        <a:cs typeface="+mn-cs"/>
                      </a:endParaRPr>
                    </a:p>
                  </a:txBody>
                  <a:tcPr marL="45720" marR="45720" marT="9525"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4"/>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a:ln>
                            <a:noFill/>
                          </a:ln>
                          <a:solidFill>
                            <a:srgbClr val="FFFFFF"/>
                          </a:solidFill>
                          <a:effectLst/>
                          <a:uLnTx/>
                          <a:uFillTx/>
                          <a:latin typeface="Calibri" panose="020F0502020204030204"/>
                          <a:ea typeface="+mn-ea"/>
                          <a:cs typeface="+mn-cs"/>
                        </a:rPr>
                        <a:t>Swap to target 90% fixed </a:t>
                      </a:r>
                      <a:endParaRPr kumimoji="0" lang="en-US" sz="1050" b="1" i="0" u="none" strike="noStrike" kern="1200" cap="none" spc="0" normalizeH="0" baseline="0" noProof="0">
                        <a:ln>
                          <a:noFill/>
                        </a:ln>
                        <a:solidFill>
                          <a:srgbClr val="FFFFFF"/>
                        </a:solidFill>
                        <a:effectLst/>
                        <a:uLnTx/>
                        <a:uFillTx/>
                        <a:latin typeface="Calibri" panose="020F0502020204030204" pitchFamily="34" charset="0"/>
                        <a:ea typeface="+mn-ea"/>
                        <a:cs typeface="+mn-cs"/>
                      </a:endParaRPr>
                    </a:p>
                  </a:txBody>
                  <a:tcPr marL="45720" marR="45720" marT="9525"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4"/>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a:ln>
                            <a:noFill/>
                          </a:ln>
                          <a:solidFill>
                            <a:srgbClr val="FFFFFF"/>
                          </a:solidFill>
                          <a:effectLst/>
                          <a:uLnTx/>
                          <a:uFillTx/>
                          <a:latin typeface="Calibri" panose="020F0502020204030204"/>
                          <a:ea typeface="+mn-ea"/>
                          <a:cs typeface="+mn-cs"/>
                        </a:rPr>
                        <a:t>Cap to target 50% fixed </a:t>
                      </a:r>
                      <a:endParaRPr kumimoji="0" lang="en-US" sz="1050" b="1" i="0" u="none" strike="noStrike" kern="1200" cap="none" spc="0" normalizeH="0" baseline="0" noProof="0">
                        <a:ln>
                          <a:noFill/>
                        </a:ln>
                        <a:solidFill>
                          <a:srgbClr val="FFFFFF"/>
                        </a:solidFill>
                        <a:effectLst/>
                        <a:uLnTx/>
                        <a:uFillTx/>
                        <a:latin typeface="Calibri" panose="020F0502020204030204" pitchFamily="34" charset="0"/>
                        <a:ea typeface="+mn-ea"/>
                        <a:cs typeface="+mn-cs"/>
                      </a:endParaRPr>
                    </a:p>
                  </a:txBody>
                  <a:tcPr marL="45720" marR="45720" marT="9525"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4"/>
                    </a:solidFill>
                  </a:tcPr>
                </a:tc>
                <a:tc>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kumimoji="0" lang="en-US" sz="1050" b="1" i="0" u="none" strike="noStrike" kern="1200" cap="none" spc="0" normalizeH="0" baseline="0" noProof="0">
                          <a:ln>
                            <a:noFill/>
                          </a:ln>
                          <a:solidFill>
                            <a:srgbClr val="FFFFFF"/>
                          </a:solidFill>
                          <a:effectLst/>
                          <a:uLnTx/>
                          <a:uFillTx/>
                          <a:latin typeface="Calibri" panose="020F0502020204030204"/>
                          <a:ea typeface="+mn-ea"/>
                          <a:cs typeface="+mn-cs"/>
                        </a:rPr>
                        <a:t>Cap to target 70% fixed </a:t>
                      </a:r>
                      <a:endParaRPr kumimoji="0" lang="en-US" sz="1050" b="1" i="0" u="none" strike="noStrike" kern="1200" cap="none" spc="0" normalizeH="0" baseline="0" noProof="0">
                        <a:ln>
                          <a:noFill/>
                        </a:ln>
                        <a:solidFill>
                          <a:srgbClr val="FFFFFF"/>
                        </a:solidFill>
                        <a:effectLst/>
                        <a:uLnTx/>
                        <a:uFillTx/>
                        <a:latin typeface="Calibri" panose="020F0502020204030204" pitchFamily="34" charset="0"/>
                        <a:ea typeface="+mn-ea"/>
                        <a:cs typeface="+mn-cs"/>
                      </a:endParaRPr>
                    </a:p>
                  </a:txBody>
                  <a:tcPr marL="45720" marR="45720" marT="9525"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4"/>
                    </a:solidFill>
                  </a:tcPr>
                </a:tc>
                <a:extLst>
                  <a:ext uri="{0D108BD9-81ED-4DB2-BD59-A6C34878D82A}">
                    <a16:rowId xmlns:a16="http://schemas.microsoft.com/office/drawing/2014/main" val="4182502567"/>
                  </a:ext>
                </a:extLst>
              </a:tr>
              <a:tr h="239379">
                <a:tc>
                  <a:txBody>
                    <a:bodyPr/>
                    <a:lstStyle/>
                    <a:p>
                      <a:pPr algn="ctr" fontAlgn="b"/>
                      <a:r>
                        <a:rPr lang="en-US" sz="1050" b="0" i="0" u="none" strike="noStrike">
                          <a:solidFill>
                            <a:srgbClr val="1F2322"/>
                          </a:solidFill>
                          <a:effectLst/>
                          <a:latin typeface="Calibri" panose="020F0502020204030204" pitchFamily="34" charset="0"/>
                        </a:rPr>
                        <a:t>May 2022</a:t>
                      </a:r>
                    </a:p>
                  </a:txBody>
                  <a:tcPr marL="0" marR="0" marT="0" marB="0" anchor="ctr">
                    <a:lnL w="9525" cap="flat" cmpd="sng" algn="ctr">
                      <a:solidFill>
                        <a:schemeClr val="bg1">
                          <a:lumMod val="85000"/>
                        </a:schemeClr>
                      </a:solidFill>
                      <a:prstDash val="solid"/>
                      <a:round/>
                      <a:headEnd type="none" w="med" len="med"/>
                      <a:tailEnd type="none" w="med" len="med"/>
                    </a:lnL>
                    <a:lnR w="12700" cap="flat" cmpd="sng" algn="ctr">
                      <a:solidFill>
                        <a:schemeClr val="accent5"/>
                      </a:solidFill>
                      <a:prstDash val="sysDot"/>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300,000,000</a:t>
                      </a:r>
                    </a:p>
                  </a:txBody>
                  <a:tcPr marL="0" marR="0" marT="0" marB="0" anchor="ctr">
                    <a:lnL w="12700" cap="flat" cmpd="sng" algn="ctr">
                      <a:solidFill>
                        <a:schemeClr val="accent5"/>
                      </a:solidFill>
                      <a:prstDash val="sysDot"/>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27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854847541"/>
                  </a:ext>
                </a:extLst>
              </a:tr>
              <a:tr h="239379">
                <a:tc>
                  <a:txBody>
                    <a:bodyPr/>
                    <a:lstStyle/>
                    <a:p>
                      <a:pPr algn="ctr" fontAlgn="b"/>
                      <a:r>
                        <a:rPr lang="en-US" sz="1050" b="0" i="0" u="none" strike="noStrike">
                          <a:solidFill>
                            <a:srgbClr val="1F2322"/>
                          </a:solidFill>
                          <a:effectLst/>
                          <a:latin typeface="Calibri" panose="020F0502020204030204" pitchFamily="34" charset="0"/>
                        </a:rPr>
                        <a:t>May 2023</a:t>
                      </a:r>
                    </a:p>
                  </a:txBody>
                  <a:tcPr marL="0" marR="0" marT="0" marB="0" anchor="ctr">
                    <a:lnL w="9525" cap="flat" cmpd="sng" algn="ctr">
                      <a:solidFill>
                        <a:schemeClr val="bg1">
                          <a:lumMod val="85000"/>
                        </a:schemeClr>
                      </a:solidFill>
                      <a:prstDash val="solid"/>
                      <a:round/>
                      <a:headEnd type="none" w="med" len="med"/>
                      <a:tailEnd type="none" w="med" len="med"/>
                    </a:lnL>
                    <a:lnR w="12700" cap="flat" cmpd="sng" algn="ctr">
                      <a:solidFill>
                        <a:schemeClr val="accent5"/>
                      </a:solidFill>
                      <a:prstDash val="sysDot"/>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300,000,000</a:t>
                      </a:r>
                    </a:p>
                  </a:txBody>
                  <a:tcPr marL="0" marR="0" marT="0" marB="0" anchor="ctr">
                    <a:lnL w="12700" cap="flat" cmpd="sng" algn="ctr">
                      <a:solidFill>
                        <a:schemeClr val="accent5"/>
                      </a:solidFill>
                      <a:prstDash val="sysDot"/>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27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extLst>
                  <a:ext uri="{0D108BD9-81ED-4DB2-BD59-A6C34878D82A}">
                    <a16:rowId xmlns:a16="http://schemas.microsoft.com/office/drawing/2014/main" val="1127540041"/>
                  </a:ext>
                </a:extLst>
              </a:tr>
              <a:tr h="239379">
                <a:tc>
                  <a:txBody>
                    <a:bodyPr/>
                    <a:lstStyle/>
                    <a:p>
                      <a:pPr algn="ctr" fontAlgn="b"/>
                      <a:r>
                        <a:rPr lang="en-US" sz="1050" b="0" i="0" u="none" strike="noStrike">
                          <a:solidFill>
                            <a:srgbClr val="1F2322"/>
                          </a:solidFill>
                          <a:effectLst/>
                          <a:latin typeface="Calibri" panose="020F0502020204030204" pitchFamily="34" charset="0"/>
                        </a:rPr>
                        <a:t>May 2024</a:t>
                      </a:r>
                    </a:p>
                  </a:txBody>
                  <a:tcPr marL="0" marR="0" marT="0" marB="0" anchor="ctr">
                    <a:lnL w="9525" cap="flat" cmpd="sng" algn="ctr">
                      <a:solidFill>
                        <a:schemeClr val="bg1">
                          <a:lumMod val="85000"/>
                        </a:schemeClr>
                      </a:solidFill>
                      <a:prstDash val="solid"/>
                      <a:round/>
                      <a:headEnd type="none" w="med" len="med"/>
                      <a:tailEnd type="none" w="med" len="med"/>
                    </a:lnL>
                    <a:lnR w="12700" cap="flat" cmpd="sng" algn="ctr">
                      <a:solidFill>
                        <a:schemeClr val="accent5"/>
                      </a:solidFill>
                      <a:prstDash val="sysDot"/>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300,000,000</a:t>
                      </a:r>
                    </a:p>
                  </a:txBody>
                  <a:tcPr marL="0" marR="0" marT="0" marB="0" anchor="ctr">
                    <a:lnL w="12700" cap="flat" cmpd="sng" algn="ctr">
                      <a:solidFill>
                        <a:schemeClr val="accent5"/>
                      </a:solidFill>
                      <a:prstDash val="sysDot"/>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27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609821979"/>
                  </a:ext>
                </a:extLst>
              </a:tr>
              <a:tr h="239379">
                <a:tc>
                  <a:txBody>
                    <a:bodyPr/>
                    <a:lstStyle/>
                    <a:p>
                      <a:pPr algn="ctr" fontAlgn="b"/>
                      <a:r>
                        <a:rPr lang="en-US" sz="1050" b="0" i="0" u="none" strike="noStrike">
                          <a:solidFill>
                            <a:srgbClr val="1F2322"/>
                          </a:solidFill>
                          <a:effectLst/>
                          <a:latin typeface="Calibri" panose="020F0502020204030204" pitchFamily="34" charset="0"/>
                        </a:rPr>
                        <a:t>May 2025</a:t>
                      </a:r>
                    </a:p>
                  </a:txBody>
                  <a:tcPr marL="0" marR="0" marT="0" marB="0" anchor="ctr">
                    <a:lnL w="9525" cap="flat" cmpd="sng" algn="ctr">
                      <a:solidFill>
                        <a:schemeClr val="bg1">
                          <a:lumMod val="85000"/>
                        </a:schemeClr>
                      </a:solidFill>
                      <a:prstDash val="solid"/>
                      <a:round/>
                      <a:headEnd type="none" w="med" len="med"/>
                      <a:tailEnd type="none" w="med" len="med"/>
                    </a:lnL>
                    <a:lnR w="12700" cap="flat" cmpd="sng" algn="ctr">
                      <a:solidFill>
                        <a:schemeClr val="accent5"/>
                      </a:solidFill>
                      <a:prstDash val="sysDot"/>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300,000,000</a:t>
                      </a:r>
                    </a:p>
                  </a:txBody>
                  <a:tcPr marL="0" marR="0" marT="0" marB="0" anchor="ctr">
                    <a:lnL w="12700" cap="flat" cmpd="sng" algn="ctr">
                      <a:solidFill>
                        <a:schemeClr val="accent5"/>
                      </a:solidFill>
                      <a:prstDash val="sysDot"/>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27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extLst>
                  <a:ext uri="{0D108BD9-81ED-4DB2-BD59-A6C34878D82A}">
                    <a16:rowId xmlns:a16="http://schemas.microsoft.com/office/drawing/2014/main" val="2748707535"/>
                  </a:ext>
                </a:extLst>
              </a:tr>
              <a:tr h="239379">
                <a:tc>
                  <a:txBody>
                    <a:bodyPr/>
                    <a:lstStyle/>
                    <a:p>
                      <a:pPr algn="ctr" fontAlgn="b"/>
                      <a:r>
                        <a:rPr lang="en-US" sz="1050" b="0" i="0" u="none" strike="noStrike">
                          <a:solidFill>
                            <a:srgbClr val="1F2322"/>
                          </a:solidFill>
                          <a:effectLst/>
                          <a:latin typeface="Calibri" panose="020F0502020204030204" pitchFamily="34" charset="0"/>
                        </a:rPr>
                        <a:t>May 2026</a:t>
                      </a:r>
                    </a:p>
                  </a:txBody>
                  <a:tcPr marL="0" marR="0" marT="0" marB="0" anchor="ctr">
                    <a:lnL w="9525" cap="flat" cmpd="sng" algn="ctr">
                      <a:solidFill>
                        <a:schemeClr val="bg1">
                          <a:lumMod val="85000"/>
                        </a:schemeClr>
                      </a:solidFill>
                      <a:prstDash val="solid"/>
                      <a:round/>
                      <a:headEnd type="none" w="med" len="med"/>
                      <a:tailEnd type="none" w="med" len="med"/>
                    </a:lnL>
                    <a:lnR w="12700" cap="flat" cmpd="sng" algn="ctr">
                      <a:solidFill>
                        <a:schemeClr val="accent5"/>
                      </a:solidFill>
                      <a:prstDash val="sysDot"/>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300,000,000</a:t>
                      </a:r>
                    </a:p>
                  </a:txBody>
                  <a:tcPr marL="0" marR="0" marT="0" marB="0" anchor="ctr">
                    <a:lnL w="12700" cap="flat" cmpd="sng" algn="ctr">
                      <a:solidFill>
                        <a:schemeClr val="accent5"/>
                      </a:solidFill>
                      <a:prstDash val="sysDot"/>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27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4071456753"/>
                  </a:ext>
                </a:extLst>
              </a:tr>
              <a:tr h="239379">
                <a:tc>
                  <a:txBody>
                    <a:bodyPr/>
                    <a:lstStyle/>
                    <a:p>
                      <a:pPr algn="ctr" fontAlgn="b"/>
                      <a:r>
                        <a:rPr lang="en-US" sz="1050" b="0" i="0" u="none" strike="noStrike">
                          <a:solidFill>
                            <a:srgbClr val="1F2322"/>
                          </a:solidFill>
                          <a:effectLst/>
                          <a:latin typeface="Calibri" panose="020F0502020204030204" pitchFamily="34" charset="0"/>
                        </a:rPr>
                        <a:t>May 2027</a:t>
                      </a:r>
                    </a:p>
                  </a:txBody>
                  <a:tcPr marL="0" marR="0" marT="0" marB="0" anchor="ctr">
                    <a:lnL w="9525" cap="flat" cmpd="sng" algn="ctr">
                      <a:solidFill>
                        <a:schemeClr val="bg1">
                          <a:lumMod val="85000"/>
                        </a:schemeClr>
                      </a:solidFill>
                      <a:prstDash val="solid"/>
                      <a:round/>
                      <a:headEnd type="none" w="med" len="med"/>
                      <a:tailEnd type="none" w="med" len="med"/>
                    </a:lnL>
                    <a:lnR w="12700" cap="flat" cmpd="sng" algn="ctr">
                      <a:solidFill>
                        <a:schemeClr val="accent5"/>
                      </a:solidFill>
                      <a:prstDash val="sysDot"/>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300,000,000</a:t>
                      </a:r>
                    </a:p>
                  </a:txBody>
                  <a:tcPr marL="0" marR="0" marT="0" marB="0" anchor="ctr">
                    <a:lnL w="12700" cap="flat" cmpd="sng" algn="ctr">
                      <a:solidFill>
                        <a:schemeClr val="accent5"/>
                      </a:solidFill>
                      <a:prstDash val="sysDot"/>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27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15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tc>
                  <a:txBody>
                    <a:bodyPr/>
                    <a:lstStyle/>
                    <a:p>
                      <a:pPr algn="ctr" fontAlgn="b"/>
                      <a:r>
                        <a:rPr lang="en-US" sz="1100" b="0" i="0" u="none" strike="noStrike">
                          <a:solidFill>
                            <a:srgbClr val="1F2322"/>
                          </a:solidFill>
                          <a:effectLst/>
                          <a:latin typeface="Calibri" panose="020F0502020204030204" pitchFamily="34" charset="0"/>
                        </a:rPr>
                        <a:t>210,000,000</a:t>
                      </a:r>
                    </a:p>
                  </a:txBody>
                  <a:tcPr marL="0" marR="0" marT="0" marB="0"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2"/>
                    </a:solidFill>
                  </a:tcPr>
                </a:tc>
                <a:extLst>
                  <a:ext uri="{0D108BD9-81ED-4DB2-BD59-A6C34878D82A}">
                    <a16:rowId xmlns:a16="http://schemas.microsoft.com/office/drawing/2014/main" val="1976989592"/>
                  </a:ext>
                </a:extLst>
              </a:tr>
            </a:tbl>
          </a:graphicData>
        </a:graphic>
      </p:graphicFrame>
      <p:sp>
        <p:nvSpPr>
          <p:cNvPr id="8" name="Content Placeholder 6">
            <a:extLst>
              <a:ext uri="{FF2B5EF4-FFF2-40B4-BE49-F238E27FC236}">
                <a16:creationId xmlns:a16="http://schemas.microsoft.com/office/drawing/2014/main" id="{21FC1DA5-CDB6-4775-885D-EAE1DF6E0B6B}"/>
              </a:ext>
            </a:extLst>
          </p:cNvPr>
          <p:cNvSpPr>
            <a:spLocks noGrp="1"/>
          </p:cNvSpPr>
          <p:nvPr>
            <p:ph idx="1"/>
          </p:nvPr>
        </p:nvSpPr>
        <p:spPr>
          <a:xfrm>
            <a:off x="762001" y="1188644"/>
            <a:ext cx="10663647" cy="2705733"/>
          </a:xfrm>
        </p:spPr>
        <p:txBody>
          <a:bodyPr>
            <a:normAutofit/>
          </a:bodyPr>
          <a:lstStyle/>
          <a:p>
            <a:r>
              <a:rPr lang="en-US" sz="1200" b="1"/>
              <a:t>Key model assumptions</a:t>
            </a:r>
          </a:p>
          <a:p>
            <a:pPr marL="292629" indent="-285750">
              <a:lnSpc>
                <a:spcPct val="100000"/>
              </a:lnSpc>
              <a:spcAft>
                <a:spcPts val="500"/>
              </a:spcAft>
              <a:buFont typeface="Arial" panose="020B0604020202020204" pitchFamily="34" charset="0"/>
              <a:buChar char="•"/>
            </a:pPr>
            <a:r>
              <a:rPr lang="en-US" sz="1200"/>
              <a:t>Interest expense modeled under various fixed-to-floating ratios, over the 5-year time period from </a:t>
            </a:r>
            <a:r>
              <a:rPr lang="en-US" sz="1200" b="1"/>
              <a:t>May 31, 2022 to May 31, 2027</a:t>
            </a:r>
          </a:p>
          <a:p>
            <a:pPr marL="6879">
              <a:lnSpc>
                <a:spcPct val="100000"/>
              </a:lnSpc>
              <a:spcAft>
                <a:spcPts val="500"/>
              </a:spcAft>
            </a:pPr>
            <a:endParaRPr lang="en-US" sz="1200"/>
          </a:p>
          <a:p>
            <a:pPr marL="6879">
              <a:lnSpc>
                <a:spcPct val="100000"/>
              </a:lnSpc>
              <a:spcAft>
                <a:spcPts val="500"/>
              </a:spcAft>
            </a:pPr>
            <a:r>
              <a:rPr lang="en-US" sz="1200" b="1">
                <a:solidFill>
                  <a:schemeClr val="accent2"/>
                </a:solidFill>
              </a:rPr>
              <a:t>Debt modeled</a:t>
            </a:r>
          </a:p>
          <a:p>
            <a:pPr marL="630767" lvl="1" indent="-285750">
              <a:lnSpc>
                <a:spcPct val="100000"/>
              </a:lnSpc>
              <a:spcAft>
                <a:spcPts val="500"/>
              </a:spcAft>
              <a:buFont typeface="Arial" panose="020B0604020202020204" pitchFamily="34" charset="0"/>
              <a:buChar char="•"/>
            </a:pPr>
            <a:r>
              <a:rPr lang="en-US"/>
              <a:t>Constant $300mm credit facility </a:t>
            </a:r>
            <a:r>
              <a:rPr lang="en-US" b="1"/>
              <a:t>until 05/31/2027</a:t>
            </a:r>
          </a:p>
          <a:p>
            <a:pPr marL="630767" lvl="1" indent="-285750">
              <a:lnSpc>
                <a:spcPct val="100000"/>
              </a:lnSpc>
              <a:spcAft>
                <a:spcPts val="500"/>
              </a:spcAft>
              <a:buFont typeface="Arial" panose="020B0604020202020204" pitchFamily="34" charset="0"/>
              <a:buChar char="•"/>
            </a:pPr>
            <a:r>
              <a:rPr lang="en-US"/>
              <a:t>Loan bears interest on 1m LIBOR plus a </a:t>
            </a:r>
            <a:r>
              <a:rPr lang="en-US" b="1"/>
              <a:t>borrow spread of 2.50% </a:t>
            </a:r>
          </a:p>
          <a:p>
            <a:pPr marL="345017" lvl="1" indent="0">
              <a:lnSpc>
                <a:spcPct val="100000"/>
              </a:lnSpc>
              <a:spcAft>
                <a:spcPts val="500"/>
              </a:spcAft>
              <a:buNone/>
            </a:pPr>
            <a:endParaRPr lang="en-US" sz="500" b="1">
              <a:solidFill>
                <a:schemeClr val="accent2"/>
              </a:solidFill>
              <a:highlight>
                <a:srgbClr val="FFFF00"/>
              </a:highlight>
            </a:endParaRPr>
          </a:p>
          <a:p>
            <a:pPr marL="6879">
              <a:lnSpc>
                <a:spcPct val="100000"/>
              </a:lnSpc>
              <a:spcAft>
                <a:spcPts val="500"/>
              </a:spcAft>
            </a:pPr>
            <a:r>
              <a:rPr lang="en-US" sz="1200" b="1">
                <a:solidFill>
                  <a:schemeClr val="accent4"/>
                </a:solidFill>
              </a:rPr>
              <a:t>Hedged modeled</a:t>
            </a:r>
          </a:p>
          <a:p>
            <a:pPr marL="630767" lvl="1" indent="-285750">
              <a:lnSpc>
                <a:spcPct val="100000"/>
              </a:lnSpc>
              <a:spcAft>
                <a:spcPts val="500"/>
              </a:spcAft>
              <a:buFont typeface="Arial" panose="020B0604020202020204" pitchFamily="34" charset="0"/>
              <a:buChar char="•"/>
            </a:pPr>
            <a:r>
              <a:rPr lang="en-US"/>
              <a:t>Swaps modeled to target </a:t>
            </a:r>
            <a:r>
              <a:rPr lang="en-US" b="1"/>
              <a:t>50%, 70%, and 90% hedged </a:t>
            </a:r>
          </a:p>
          <a:p>
            <a:pPr marL="630767" lvl="1" indent="-285750">
              <a:lnSpc>
                <a:spcPct val="100000"/>
              </a:lnSpc>
              <a:spcAft>
                <a:spcPts val="500"/>
              </a:spcAft>
              <a:buFont typeface="Arial" panose="020B0604020202020204" pitchFamily="34" charset="0"/>
              <a:buChar char="•"/>
            </a:pPr>
            <a:r>
              <a:rPr lang="en-US"/>
              <a:t>Caps to target </a:t>
            </a:r>
            <a:r>
              <a:rPr lang="en-US" b="1"/>
              <a:t>50% and 70% hedged</a:t>
            </a:r>
          </a:p>
          <a:p>
            <a:pPr marL="630767" lvl="1" indent="-285750">
              <a:lnSpc>
                <a:spcPct val="100000"/>
              </a:lnSpc>
              <a:spcAft>
                <a:spcPts val="500"/>
              </a:spcAft>
              <a:buFont typeface="Arial" panose="020B0604020202020204" pitchFamily="34" charset="0"/>
              <a:buChar char="•"/>
            </a:pPr>
            <a:r>
              <a:rPr lang="en-US"/>
              <a:t>Trades are indexed to 1m LIBOR</a:t>
            </a:r>
          </a:p>
        </p:txBody>
      </p:sp>
    </p:spTree>
    <p:extLst>
      <p:ext uri="{BB962C8B-B14F-4D97-AF65-F5344CB8AC3E}">
        <p14:creationId xmlns:p14="http://schemas.microsoft.com/office/powerpoint/2010/main" val="150147954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52002D-E13C-485D-B041-398E25E623FA}"/>
              </a:ext>
            </a:extLst>
          </p:cNvPr>
          <p:cNvSpPr>
            <a:spLocks noGrp="1"/>
          </p:cNvSpPr>
          <p:nvPr>
            <p:ph type="title"/>
          </p:nvPr>
        </p:nvSpPr>
        <p:spPr/>
        <p:txBody>
          <a:bodyPr/>
          <a:lstStyle/>
          <a:p>
            <a:r>
              <a:rPr lang="en-US"/>
              <a:t>Interest rate curves</a:t>
            </a:r>
          </a:p>
        </p:txBody>
      </p:sp>
      <p:sp>
        <p:nvSpPr>
          <p:cNvPr id="4" name="Slide Number Placeholder 3">
            <a:extLst>
              <a:ext uri="{FF2B5EF4-FFF2-40B4-BE49-F238E27FC236}">
                <a16:creationId xmlns:a16="http://schemas.microsoft.com/office/drawing/2014/main" id="{E828C304-34BF-4A58-941D-836154CF3E7B}"/>
              </a:ext>
            </a:extLst>
          </p:cNvPr>
          <p:cNvSpPr>
            <a:spLocks noGrp="1"/>
          </p:cNvSpPr>
          <p:nvPr>
            <p:ph type="sldNum" sz="quarter" idx="10"/>
          </p:nvPr>
        </p:nvSpPr>
        <p:spPr>
          <a:xfrm>
            <a:off x="5497125" y="6435257"/>
            <a:ext cx="1197751" cy="166035"/>
          </a:xfrm>
          <a:prstGeom prst="rect">
            <a:avLst/>
          </a:prstGeom>
        </p:spPr>
        <p:txBody>
          <a:bodyPr vert="horz" lIns="0" tIns="0" rIns="0" bIns="0" rtlCol="0" anchor="t"/>
          <a:lstStyle>
            <a:defPPr>
              <a:defRPr lang="en-US"/>
            </a:defPPr>
            <a:lvl1pPr marL="0" algn="ctr" defTabSz="457200" rtl="0" eaLnBrk="1" latinLnBrk="0" hangingPunct="1">
              <a:defRPr sz="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defTabSz="914400"/>
            <a:fld id="{EB4FF9C4-EEBF-D24D-8A4E-C0B9CCE3F975}" type="slidenum">
              <a:rPr lang="en-US" smtClean="0">
                <a:solidFill>
                  <a:srgbClr val="1F2322"/>
                </a:solidFill>
              </a:rPr>
              <a:pPr defTabSz="914400"/>
              <a:t>27</a:t>
            </a:fld>
            <a:endParaRPr lang="en-US">
              <a:solidFill>
                <a:srgbClr val="1F2322"/>
              </a:solidFill>
            </a:endParaRPr>
          </a:p>
        </p:txBody>
      </p:sp>
      <p:sp>
        <p:nvSpPr>
          <p:cNvPr id="6" name="Content Placeholder 7">
            <a:extLst>
              <a:ext uri="{FF2B5EF4-FFF2-40B4-BE49-F238E27FC236}">
                <a16:creationId xmlns:a16="http://schemas.microsoft.com/office/drawing/2014/main" id="{20BCB11F-560B-48F0-B914-E413ED68C043}"/>
              </a:ext>
            </a:extLst>
          </p:cNvPr>
          <p:cNvSpPr txBox="1">
            <a:spLocks/>
          </p:cNvSpPr>
          <p:nvPr/>
        </p:nvSpPr>
        <p:spPr>
          <a:xfrm>
            <a:off x="3010009" y="6273024"/>
            <a:ext cx="8402227" cy="127591"/>
          </a:xfrm>
          <a:prstGeom prst="rect">
            <a:avLst/>
          </a:prstGeom>
        </p:spPr>
        <p:txBody>
          <a:bodyPr vert="horz" lIns="0" tIns="0" rIns="0" bIns="0" rtlCol="0">
            <a:noAutofit/>
          </a:bodyPr>
          <a:lstStyle>
            <a:lvl1pPr marL="6879" indent="0" algn="l" defTabSz="990564" rtl="0" eaLnBrk="1" latinLnBrk="0" hangingPunct="1">
              <a:lnSpc>
                <a:spcPct val="110000"/>
              </a:lnSpc>
              <a:spcBef>
                <a:spcPts val="0"/>
              </a:spcBef>
              <a:spcAft>
                <a:spcPts val="433"/>
              </a:spcAft>
              <a:buFont typeface="Arial" panose="020B0604020202020204" pitchFamily="34" charset="0"/>
              <a:buNone/>
              <a:tabLst/>
              <a:defRPr sz="1517" kern="1200">
                <a:solidFill>
                  <a:schemeClr val="tx1"/>
                </a:solidFill>
                <a:latin typeface="+mn-lt"/>
                <a:ea typeface="+mn-ea"/>
                <a:cs typeface="+mn-cs"/>
              </a:defRPr>
            </a:lvl1pPr>
            <a:lvl2pPr marL="373182" indent="-184012" algn="l" defTabSz="990564" rtl="0" eaLnBrk="1" latinLnBrk="0" hangingPunct="1">
              <a:lnSpc>
                <a:spcPct val="110000"/>
              </a:lnSpc>
              <a:spcBef>
                <a:spcPts val="0"/>
              </a:spcBef>
              <a:spcAft>
                <a:spcPts val="433"/>
              </a:spcAft>
              <a:buFont typeface="Courier New" panose="02070309020205020404" pitchFamily="49" charset="0"/>
              <a:buChar char="o"/>
              <a:tabLst/>
              <a:defRPr sz="1300" kern="1200">
                <a:solidFill>
                  <a:schemeClr val="tx1"/>
                </a:solidFill>
                <a:latin typeface="+mn-lt"/>
                <a:ea typeface="+mn-ea"/>
                <a:cs typeface="+mn-cs"/>
              </a:defRPr>
            </a:lvl2pPr>
            <a:lvl3pPr marL="562352" indent="-189170" algn="l" defTabSz="990564" rtl="0" eaLnBrk="1" latinLnBrk="0" hangingPunct="1">
              <a:lnSpc>
                <a:spcPct val="110000"/>
              </a:lnSpc>
              <a:spcBef>
                <a:spcPts val="0"/>
              </a:spcBef>
              <a:spcAft>
                <a:spcPts val="433"/>
              </a:spcAft>
              <a:buFont typeface="Calibri" panose="020F0502020204030204" pitchFamily="34" charset="0"/>
              <a:buChar char="–"/>
              <a:tabLst/>
              <a:defRPr sz="1300" kern="1200">
                <a:solidFill>
                  <a:schemeClr val="tx1"/>
                </a:solidFill>
                <a:latin typeface="+mn-lt"/>
                <a:ea typeface="+mn-ea"/>
                <a:cs typeface="+mn-cs"/>
              </a:defRPr>
            </a:lvl3pPr>
            <a:lvl4pPr marL="746362" indent="-184012" algn="l" defTabSz="990564" rtl="0" eaLnBrk="1" latinLnBrk="0" hangingPunct="1">
              <a:lnSpc>
                <a:spcPct val="110000"/>
              </a:lnSpc>
              <a:spcBef>
                <a:spcPts val="0"/>
              </a:spcBef>
              <a:spcAft>
                <a:spcPts val="433"/>
              </a:spcAft>
              <a:buFont typeface="Arial" panose="020B0604020202020204" pitchFamily="34" charset="0"/>
              <a:buChar char="•"/>
              <a:tabLst/>
              <a:defRPr sz="1083" kern="1200">
                <a:solidFill>
                  <a:schemeClr val="tx1"/>
                </a:solidFill>
                <a:latin typeface="+mn-lt"/>
                <a:ea typeface="+mn-ea"/>
                <a:cs typeface="+mn-cs"/>
              </a:defRPr>
            </a:lvl4pPr>
            <a:lvl5pPr marL="930374" indent="-182291" algn="l" defTabSz="990564" rtl="0" eaLnBrk="1" latinLnBrk="0" hangingPunct="1">
              <a:lnSpc>
                <a:spcPct val="110000"/>
              </a:lnSpc>
              <a:spcBef>
                <a:spcPts val="0"/>
              </a:spcBef>
              <a:spcAft>
                <a:spcPts val="433"/>
              </a:spcAft>
              <a:buFont typeface="Courier New" panose="02070309020205020404" pitchFamily="49" charset="0"/>
              <a:buChar char="o"/>
              <a:tabLst/>
              <a:defRPr sz="1083" kern="1200">
                <a:solidFill>
                  <a:schemeClr val="tx1"/>
                </a:solidFill>
                <a:latin typeface="+mn-lt"/>
                <a:ea typeface="+mn-ea"/>
                <a:cs typeface="+mn-cs"/>
              </a:defRPr>
            </a:lvl5pPr>
            <a:lvl6pPr marL="2724050"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6pPr>
            <a:lvl7pPr marL="3219333"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7pPr>
            <a:lvl8pPr marL="3714614"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8pPr>
            <a:lvl9pPr marL="4209896"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9pPr>
          </a:lstStyle>
          <a:p>
            <a:pPr algn="r"/>
            <a:r>
              <a:rPr lang="en-US" sz="900" i="1"/>
              <a:t>Rates data as of May 5, 2022</a:t>
            </a:r>
          </a:p>
          <a:p>
            <a:pPr algn="r"/>
            <a:endParaRPr lang="en-US" sz="900" b="1" i="1">
              <a:solidFill>
                <a:schemeClr val="accent2"/>
              </a:solidFill>
            </a:endParaRPr>
          </a:p>
        </p:txBody>
      </p:sp>
      <p:graphicFrame>
        <p:nvGraphicFramePr>
          <p:cNvPr id="7" name="Chart 6">
            <a:extLst>
              <a:ext uri="{FF2B5EF4-FFF2-40B4-BE49-F238E27FC236}">
                <a16:creationId xmlns:a16="http://schemas.microsoft.com/office/drawing/2014/main" id="{00000000-0008-0000-0D00-000004000000}"/>
              </a:ext>
            </a:extLst>
          </p:cNvPr>
          <p:cNvGraphicFramePr>
            <a:graphicFrameLocks/>
          </p:cNvGraphicFramePr>
          <p:nvPr>
            <p:extLst>
              <p:ext uri="{D42A27DB-BD31-4B8C-83A1-F6EECF244321}">
                <p14:modId xmlns:p14="http://schemas.microsoft.com/office/powerpoint/2010/main" val="4291520381"/>
              </p:ext>
            </p:extLst>
          </p:nvPr>
        </p:nvGraphicFramePr>
        <p:xfrm>
          <a:off x="762001" y="1367481"/>
          <a:ext cx="10650235" cy="4870901"/>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88280246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384551-1AE1-418E-93C4-FD3C1DE5EB6F}"/>
              </a:ext>
            </a:extLst>
          </p:cNvPr>
          <p:cNvSpPr>
            <a:spLocks noGrp="1"/>
          </p:cNvSpPr>
          <p:nvPr>
            <p:ph type="title"/>
          </p:nvPr>
        </p:nvSpPr>
        <p:spPr/>
        <p:txBody>
          <a:bodyPr/>
          <a:lstStyle/>
          <a:p>
            <a:r>
              <a:rPr lang="en-US"/>
              <a:t>Interest expense scenarios</a:t>
            </a:r>
          </a:p>
        </p:txBody>
      </p:sp>
      <p:sp>
        <p:nvSpPr>
          <p:cNvPr id="4" name="Slide Number Placeholder 3">
            <a:extLst>
              <a:ext uri="{FF2B5EF4-FFF2-40B4-BE49-F238E27FC236}">
                <a16:creationId xmlns:a16="http://schemas.microsoft.com/office/drawing/2014/main" id="{627508F8-8432-47A0-B62E-6263CA11FD94}"/>
              </a:ext>
            </a:extLst>
          </p:cNvPr>
          <p:cNvSpPr>
            <a:spLocks noGrp="1"/>
          </p:cNvSpPr>
          <p:nvPr>
            <p:ph type="sldNum" sz="quarter" idx="10"/>
          </p:nvPr>
        </p:nvSpPr>
        <p:spPr>
          <a:xfrm>
            <a:off x="5497125" y="6435257"/>
            <a:ext cx="1197751" cy="166035"/>
          </a:xfrm>
          <a:prstGeom prst="rect">
            <a:avLst/>
          </a:prstGeom>
        </p:spPr>
        <p:txBody>
          <a:bodyPr vert="horz" lIns="0" tIns="0" rIns="0" bIns="0" rtlCol="0" anchor="t"/>
          <a:lstStyle>
            <a:defPPr>
              <a:defRPr lang="en-US"/>
            </a:defPPr>
            <a:lvl1pPr marL="0" algn="ctr" defTabSz="457200" rtl="0" eaLnBrk="1" latinLnBrk="0" hangingPunct="1">
              <a:defRPr sz="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defTabSz="914400"/>
            <a:fld id="{EB4FF9C4-EEBF-D24D-8A4E-C0B9CCE3F975}" type="slidenum">
              <a:rPr lang="en-US" smtClean="0">
                <a:solidFill>
                  <a:srgbClr val="1F2322"/>
                </a:solidFill>
              </a:rPr>
              <a:pPr defTabSz="914400"/>
              <a:t>28</a:t>
            </a:fld>
            <a:endParaRPr lang="en-US">
              <a:solidFill>
                <a:srgbClr val="1F2322"/>
              </a:solidFill>
            </a:endParaRPr>
          </a:p>
        </p:txBody>
      </p:sp>
      <p:sp>
        <p:nvSpPr>
          <p:cNvPr id="5" name="Text Placeholder 4">
            <a:extLst>
              <a:ext uri="{FF2B5EF4-FFF2-40B4-BE49-F238E27FC236}">
                <a16:creationId xmlns:a16="http://schemas.microsoft.com/office/drawing/2014/main" id="{57B828D4-159B-4406-879C-4B2D521FE288}"/>
              </a:ext>
            </a:extLst>
          </p:cNvPr>
          <p:cNvSpPr>
            <a:spLocks noGrp="1"/>
          </p:cNvSpPr>
          <p:nvPr>
            <p:ph type="body" sz="quarter" idx="11"/>
          </p:nvPr>
        </p:nvSpPr>
        <p:spPr/>
        <p:txBody>
          <a:bodyPr/>
          <a:lstStyle/>
          <a:p>
            <a:r>
              <a:rPr lang="en-US"/>
              <a:t>Targeting various fixed/float ratios by layering on swaps</a:t>
            </a:r>
          </a:p>
        </p:txBody>
      </p:sp>
      <p:sp>
        <p:nvSpPr>
          <p:cNvPr id="8" name="Rectangle 7">
            <a:extLst>
              <a:ext uri="{FF2B5EF4-FFF2-40B4-BE49-F238E27FC236}">
                <a16:creationId xmlns:a16="http://schemas.microsoft.com/office/drawing/2014/main" id="{58CC13DD-DAD3-4D5F-BBA9-8965363600E0}"/>
              </a:ext>
            </a:extLst>
          </p:cNvPr>
          <p:cNvSpPr/>
          <p:nvPr/>
        </p:nvSpPr>
        <p:spPr>
          <a:xfrm>
            <a:off x="905691" y="5276906"/>
            <a:ext cx="10352860" cy="846944"/>
          </a:xfrm>
          <a:prstGeom prst="rect">
            <a:avLst/>
          </a:prstGeom>
          <a:solidFill>
            <a:schemeClr val="bg1">
              <a:lumMod val="95000"/>
            </a:schemeClr>
          </a:solidFill>
          <a:ln>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lstStyle/>
          <a:p>
            <a:pPr marL="171450" indent="-171450" algn="l">
              <a:spcAft>
                <a:spcPts val="300"/>
              </a:spcAft>
              <a:buFont typeface="Arial" panose="020B0604020202020204" pitchFamily="34" charset="0"/>
              <a:buChar char="•"/>
            </a:pPr>
            <a:r>
              <a:rPr lang="en-US" sz="1100">
                <a:solidFill>
                  <a:schemeClr val="tx1"/>
                </a:solidFill>
              </a:rPr>
              <a:t>Interest expense is modeled under different shocked forward curves (+/- 1-2 standard deviations) for each hedging strategy.</a:t>
            </a:r>
          </a:p>
          <a:p>
            <a:pPr marL="171450" indent="-171450">
              <a:spcAft>
                <a:spcPts val="300"/>
              </a:spcAft>
              <a:buFont typeface="Arial" panose="020B0604020202020204" pitchFamily="34" charset="0"/>
              <a:buChar char="•"/>
            </a:pPr>
            <a:r>
              <a:rPr lang="en-US" sz="1100">
                <a:solidFill>
                  <a:schemeClr val="tx1"/>
                </a:solidFill>
              </a:rPr>
              <a:t>For example, in the ‘Unhedged’, under the current forward curve, the company could expect a total of </a:t>
            </a:r>
            <a:r>
              <a:rPr lang="en-US" sz="1100" b="1">
                <a:solidFill>
                  <a:schemeClr val="tx1"/>
                </a:solidFill>
              </a:rPr>
              <a:t>$82mm</a:t>
            </a:r>
            <a:r>
              <a:rPr lang="en-US" sz="1100">
                <a:solidFill>
                  <a:schemeClr val="tx1"/>
                </a:solidFill>
              </a:rPr>
              <a:t> of interest expense from their USD debt over the period </a:t>
            </a:r>
            <a:r>
              <a:rPr lang="en-US" sz="1100" b="1">
                <a:solidFill>
                  <a:schemeClr val="tx1"/>
                </a:solidFill>
              </a:rPr>
              <a:t>May 2022 – May 2027</a:t>
            </a:r>
            <a:r>
              <a:rPr lang="en-US" sz="1100">
                <a:solidFill>
                  <a:schemeClr val="tx1"/>
                </a:solidFill>
              </a:rPr>
              <a:t>, equivalent to a </a:t>
            </a:r>
            <a:r>
              <a:rPr lang="en-US" sz="1100" b="1">
                <a:solidFill>
                  <a:schemeClr val="tx1"/>
                </a:solidFill>
              </a:rPr>
              <a:t>5.41%</a:t>
            </a:r>
            <a:r>
              <a:rPr lang="en-US" sz="1100">
                <a:solidFill>
                  <a:schemeClr val="tx1"/>
                </a:solidFill>
              </a:rPr>
              <a:t> effective interest rate.</a:t>
            </a:r>
          </a:p>
          <a:p>
            <a:pPr marL="171450" indent="-171450" algn="l">
              <a:spcAft>
                <a:spcPts val="300"/>
              </a:spcAft>
              <a:buFont typeface="Arial" panose="020B0604020202020204" pitchFamily="34" charset="0"/>
              <a:buChar char="•"/>
            </a:pPr>
            <a:r>
              <a:rPr lang="en-US" sz="1100">
                <a:solidFill>
                  <a:schemeClr val="tx1"/>
                </a:solidFill>
              </a:rPr>
              <a:t>The swap rates for the following schedule is 2.91%. </a:t>
            </a:r>
          </a:p>
        </p:txBody>
      </p:sp>
      <p:sp>
        <p:nvSpPr>
          <p:cNvPr id="9" name="Content Placeholder 7">
            <a:extLst>
              <a:ext uri="{FF2B5EF4-FFF2-40B4-BE49-F238E27FC236}">
                <a16:creationId xmlns:a16="http://schemas.microsoft.com/office/drawing/2014/main" id="{4B4E9B10-3279-4F6B-B9DD-EF1E16070A3B}"/>
              </a:ext>
            </a:extLst>
          </p:cNvPr>
          <p:cNvSpPr txBox="1">
            <a:spLocks/>
          </p:cNvSpPr>
          <p:nvPr/>
        </p:nvSpPr>
        <p:spPr>
          <a:xfrm>
            <a:off x="3010009" y="6273024"/>
            <a:ext cx="8402227" cy="127591"/>
          </a:xfrm>
          <a:prstGeom prst="rect">
            <a:avLst/>
          </a:prstGeom>
        </p:spPr>
        <p:txBody>
          <a:bodyPr vert="horz" lIns="0" tIns="0" rIns="0" bIns="0" rtlCol="0">
            <a:noAutofit/>
          </a:bodyPr>
          <a:lstStyle>
            <a:lvl1pPr marL="6879" indent="0" algn="l" defTabSz="990564" rtl="0" eaLnBrk="1" latinLnBrk="0" hangingPunct="1">
              <a:lnSpc>
                <a:spcPct val="110000"/>
              </a:lnSpc>
              <a:spcBef>
                <a:spcPts val="0"/>
              </a:spcBef>
              <a:spcAft>
                <a:spcPts val="433"/>
              </a:spcAft>
              <a:buFont typeface="Arial" panose="020B0604020202020204" pitchFamily="34" charset="0"/>
              <a:buNone/>
              <a:tabLst/>
              <a:defRPr sz="1517" kern="1200">
                <a:solidFill>
                  <a:schemeClr val="tx1"/>
                </a:solidFill>
                <a:latin typeface="+mn-lt"/>
                <a:ea typeface="+mn-ea"/>
                <a:cs typeface="+mn-cs"/>
              </a:defRPr>
            </a:lvl1pPr>
            <a:lvl2pPr marL="373182" indent="-184012" algn="l" defTabSz="990564" rtl="0" eaLnBrk="1" latinLnBrk="0" hangingPunct="1">
              <a:lnSpc>
                <a:spcPct val="110000"/>
              </a:lnSpc>
              <a:spcBef>
                <a:spcPts val="0"/>
              </a:spcBef>
              <a:spcAft>
                <a:spcPts val="433"/>
              </a:spcAft>
              <a:buFont typeface="Courier New" panose="02070309020205020404" pitchFamily="49" charset="0"/>
              <a:buChar char="o"/>
              <a:tabLst/>
              <a:defRPr sz="1300" kern="1200">
                <a:solidFill>
                  <a:schemeClr val="tx1"/>
                </a:solidFill>
                <a:latin typeface="+mn-lt"/>
                <a:ea typeface="+mn-ea"/>
                <a:cs typeface="+mn-cs"/>
              </a:defRPr>
            </a:lvl2pPr>
            <a:lvl3pPr marL="562352" indent="-189170" algn="l" defTabSz="990564" rtl="0" eaLnBrk="1" latinLnBrk="0" hangingPunct="1">
              <a:lnSpc>
                <a:spcPct val="110000"/>
              </a:lnSpc>
              <a:spcBef>
                <a:spcPts val="0"/>
              </a:spcBef>
              <a:spcAft>
                <a:spcPts val="433"/>
              </a:spcAft>
              <a:buFont typeface="Calibri" panose="020F0502020204030204" pitchFamily="34" charset="0"/>
              <a:buChar char="–"/>
              <a:tabLst/>
              <a:defRPr sz="1300" kern="1200">
                <a:solidFill>
                  <a:schemeClr val="tx1"/>
                </a:solidFill>
                <a:latin typeface="+mn-lt"/>
                <a:ea typeface="+mn-ea"/>
                <a:cs typeface="+mn-cs"/>
              </a:defRPr>
            </a:lvl3pPr>
            <a:lvl4pPr marL="746362" indent="-184012" algn="l" defTabSz="990564" rtl="0" eaLnBrk="1" latinLnBrk="0" hangingPunct="1">
              <a:lnSpc>
                <a:spcPct val="110000"/>
              </a:lnSpc>
              <a:spcBef>
                <a:spcPts val="0"/>
              </a:spcBef>
              <a:spcAft>
                <a:spcPts val="433"/>
              </a:spcAft>
              <a:buFont typeface="Arial" panose="020B0604020202020204" pitchFamily="34" charset="0"/>
              <a:buChar char="•"/>
              <a:tabLst/>
              <a:defRPr sz="1083" kern="1200">
                <a:solidFill>
                  <a:schemeClr val="tx1"/>
                </a:solidFill>
                <a:latin typeface="+mn-lt"/>
                <a:ea typeface="+mn-ea"/>
                <a:cs typeface="+mn-cs"/>
              </a:defRPr>
            </a:lvl4pPr>
            <a:lvl5pPr marL="930374" indent="-182291" algn="l" defTabSz="990564" rtl="0" eaLnBrk="1" latinLnBrk="0" hangingPunct="1">
              <a:lnSpc>
                <a:spcPct val="110000"/>
              </a:lnSpc>
              <a:spcBef>
                <a:spcPts val="0"/>
              </a:spcBef>
              <a:spcAft>
                <a:spcPts val="433"/>
              </a:spcAft>
              <a:buFont typeface="Courier New" panose="02070309020205020404" pitchFamily="49" charset="0"/>
              <a:buChar char="o"/>
              <a:tabLst/>
              <a:defRPr sz="1083" kern="1200">
                <a:solidFill>
                  <a:schemeClr val="tx1"/>
                </a:solidFill>
                <a:latin typeface="+mn-lt"/>
                <a:ea typeface="+mn-ea"/>
                <a:cs typeface="+mn-cs"/>
              </a:defRPr>
            </a:lvl5pPr>
            <a:lvl6pPr marL="2724050"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6pPr>
            <a:lvl7pPr marL="3219333"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7pPr>
            <a:lvl8pPr marL="3714614"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8pPr>
            <a:lvl9pPr marL="4209896"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9pPr>
          </a:lstStyle>
          <a:p>
            <a:pPr algn="r"/>
            <a:r>
              <a:rPr lang="en-US" sz="900" i="1"/>
              <a:t>Rates data as of May 5, 2022</a:t>
            </a:r>
          </a:p>
          <a:p>
            <a:pPr algn="r"/>
            <a:endParaRPr lang="en-US" sz="900" b="1" i="1">
              <a:solidFill>
                <a:schemeClr val="accent2"/>
              </a:solidFill>
            </a:endParaRPr>
          </a:p>
        </p:txBody>
      </p:sp>
      <p:graphicFrame>
        <p:nvGraphicFramePr>
          <p:cNvPr id="11" name="Chart 10">
            <a:extLst>
              <a:ext uri="{FF2B5EF4-FFF2-40B4-BE49-F238E27FC236}">
                <a16:creationId xmlns:a16="http://schemas.microsoft.com/office/drawing/2014/main" id="{00000000-0008-0000-0B00-000006000000}"/>
              </a:ext>
            </a:extLst>
          </p:cNvPr>
          <p:cNvGraphicFramePr>
            <a:graphicFrameLocks/>
          </p:cNvGraphicFramePr>
          <p:nvPr>
            <p:extLst>
              <p:ext uri="{D42A27DB-BD31-4B8C-83A1-F6EECF244321}">
                <p14:modId xmlns:p14="http://schemas.microsoft.com/office/powerpoint/2010/main" val="642369785"/>
              </p:ext>
            </p:extLst>
          </p:nvPr>
        </p:nvGraphicFramePr>
        <p:xfrm>
          <a:off x="761999" y="1379574"/>
          <a:ext cx="10496552" cy="3748159"/>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11240507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992300-8A3F-4859-898D-BA25BF623C7F}"/>
              </a:ext>
            </a:extLst>
          </p:cNvPr>
          <p:cNvSpPr>
            <a:spLocks noGrp="1"/>
          </p:cNvSpPr>
          <p:nvPr>
            <p:ph type="title"/>
          </p:nvPr>
        </p:nvSpPr>
        <p:spPr/>
        <p:txBody>
          <a:bodyPr/>
          <a:lstStyle/>
          <a:p>
            <a:r>
              <a:rPr lang="en-US"/>
              <a:t>Case study: Mitigating interest rate risk and optimizing hedge execution</a:t>
            </a:r>
          </a:p>
        </p:txBody>
      </p:sp>
      <p:sp>
        <p:nvSpPr>
          <p:cNvPr id="4" name="Slide Number Placeholder 3">
            <a:extLst>
              <a:ext uri="{FF2B5EF4-FFF2-40B4-BE49-F238E27FC236}">
                <a16:creationId xmlns:a16="http://schemas.microsoft.com/office/drawing/2014/main" id="{F895C965-4298-4485-AD30-93142C19C18C}"/>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29</a:t>
            </a:fld>
            <a:endParaRPr lang="en-US">
              <a:solidFill>
                <a:srgbClr val="1F2322"/>
              </a:solidFill>
            </a:endParaRPr>
          </a:p>
        </p:txBody>
      </p:sp>
      <p:sp>
        <p:nvSpPr>
          <p:cNvPr id="5" name="Text Placeholder 4">
            <a:extLst>
              <a:ext uri="{FF2B5EF4-FFF2-40B4-BE49-F238E27FC236}">
                <a16:creationId xmlns:a16="http://schemas.microsoft.com/office/drawing/2014/main" id="{D6E72071-9A70-4C40-8243-745D90A596ED}"/>
              </a:ext>
            </a:extLst>
          </p:cNvPr>
          <p:cNvSpPr>
            <a:spLocks noGrp="1"/>
          </p:cNvSpPr>
          <p:nvPr>
            <p:ph type="body" sz="quarter" idx="11"/>
          </p:nvPr>
        </p:nvSpPr>
        <p:spPr/>
        <p:txBody>
          <a:bodyPr/>
          <a:lstStyle/>
          <a:p>
            <a:r>
              <a:rPr lang="en-US" sz="1600"/>
              <a:t>A medical equipment company seeking to determine their ideal capital structure mix and execute hedges in order to achieve the desired risk reduction, attaining best pricing at execution while rewarding important banking relationships. </a:t>
            </a:r>
          </a:p>
        </p:txBody>
      </p:sp>
      <p:sp>
        <p:nvSpPr>
          <p:cNvPr id="6" name="Content Placeholder 2">
            <a:extLst>
              <a:ext uri="{FF2B5EF4-FFF2-40B4-BE49-F238E27FC236}">
                <a16:creationId xmlns:a16="http://schemas.microsoft.com/office/drawing/2014/main" id="{225F53F7-5CCC-4824-813A-A86F089AC012}"/>
              </a:ext>
            </a:extLst>
          </p:cNvPr>
          <p:cNvSpPr txBox="1">
            <a:spLocks/>
          </p:cNvSpPr>
          <p:nvPr/>
        </p:nvSpPr>
        <p:spPr>
          <a:xfrm>
            <a:off x="762000" y="1707304"/>
            <a:ext cx="5194663" cy="4467073"/>
          </a:xfrm>
          <a:prstGeom prst="rect">
            <a:avLst/>
          </a:prstGeom>
        </p:spPr>
        <p:txBody>
          <a:bodyPr vert="horz" lIns="0" tIns="0" rIns="0" bIns="0" rtlCol="0">
            <a:noAutofit/>
          </a:bodyPr>
          <a:lstStyle>
            <a:lvl1pPr marL="174625" indent="-168275" algn="l" defTabSz="914400" rtl="0" eaLnBrk="1" latinLnBrk="0" hangingPunct="1">
              <a:lnSpc>
                <a:spcPct val="110000"/>
              </a:lnSpc>
              <a:spcBef>
                <a:spcPts val="0"/>
              </a:spcBef>
              <a:spcAft>
                <a:spcPts val="400"/>
              </a:spcAft>
              <a:buFont typeface="Arial" panose="020B0604020202020204" pitchFamily="34" charset="0"/>
              <a:buChar char="•"/>
              <a:tabLst/>
              <a:defRPr sz="1400" kern="1200">
                <a:solidFill>
                  <a:schemeClr val="tx1"/>
                </a:solidFill>
                <a:latin typeface="+mn-lt"/>
                <a:ea typeface="+mn-ea"/>
                <a:cs typeface="+mn-cs"/>
              </a:defRPr>
            </a:lvl1pPr>
            <a:lvl2pPr marL="344488" indent="-169863" algn="l" defTabSz="914400" rtl="0" eaLnBrk="1" latinLnBrk="0" hangingPunct="1">
              <a:lnSpc>
                <a:spcPct val="110000"/>
              </a:lnSpc>
              <a:spcBef>
                <a:spcPts val="0"/>
              </a:spcBef>
              <a:spcAft>
                <a:spcPts val="400"/>
              </a:spcAft>
              <a:buFont typeface="Courier New" panose="02070309020205020404" pitchFamily="49" charset="0"/>
              <a:buChar char="o"/>
              <a:tabLst/>
              <a:defRPr sz="1200" kern="1200">
                <a:solidFill>
                  <a:schemeClr val="tx1"/>
                </a:solidFill>
                <a:latin typeface="+mn-lt"/>
                <a:ea typeface="+mn-ea"/>
                <a:cs typeface="+mn-cs"/>
              </a:defRPr>
            </a:lvl2pPr>
            <a:lvl3pPr marL="519113" indent="-174625" algn="l" defTabSz="914400" rtl="0" eaLnBrk="1" latinLnBrk="0" hangingPunct="1">
              <a:lnSpc>
                <a:spcPct val="110000"/>
              </a:lnSpc>
              <a:spcBef>
                <a:spcPts val="0"/>
              </a:spcBef>
              <a:spcAft>
                <a:spcPts val="400"/>
              </a:spcAft>
              <a:buFont typeface="Calibri" panose="020F0502020204030204" pitchFamily="34" charset="0"/>
              <a:buChar char="–"/>
              <a:tabLst/>
              <a:defRPr sz="1200" kern="1200">
                <a:solidFill>
                  <a:schemeClr val="tx1"/>
                </a:solidFill>
                <a:latin typeface="+mn-lt"/>
                <a:ea typeface="+mn-ea"/>
                <a:cs typeface="+mn-cs"/>
              </a:defRPr>
            </a:lvl3pPr>
            <a:lvl4pPr marL="688975" indent="-169863"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4pPr>
            <a:lvl5pPr marL="858838" indent="-168275" algn="l" defTabSz="914400" rtl="0" eaLnBrk="1" latinLnBrk="0" hangingPunct="1">
              <a:lnSpc>
                <a:spcPct val="110000"/>
              </a:lnSpc>
              <a:spcBef>
                <a:spcPts val="0"/>
              </a:spcBef>
              <a:spcAft>
                <a:spcPts val="400"/>
              </a:spcAft>
              <a:buFont typeface="Courier New" panose="02070309020205020404" pitchFamily="49" charset="0"/>
              <a:buChar char="o"/>
              <a:tabLst/>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457200">
              <a:lnSpc>
                <a:spcPct val="100000"/>
              </a:lnSpc>
              <a:spcAft>
                <a:spcPts val="0"/>
              </a:spcAft>
              <a:buFont typeface="Arial" panose="020B0604020202020204" pitchFamily="34" charset="0"/>
              <a:buNone/>
            </a:pPr>
            <a:r>
              <a:rPr lang="en-US" b="1">
                <a:solidFill>
                  <a:schemeClr val="tx2"/>
                </a:solidFill>
              </a:rPr>
              <a:t>Company goals</a:t>
            </a:r>
          </a:p>
          <a:p>
            <a:pPr marL="282575" indent="-282575" defTabSz="457200">
              <a:lnSpc>
                <a:spcPct val="100000"/>
              </a:lnSpc>
              <a:spcBef>
                <a:spcPts val="400"/>
              </a:spcBef>
              <a:spcAft>
                <a:spcPts val="0"/>
              </a:spcAft>
            </a:pPr>
            <a:r>
              <a:rPr lang="en-US" sz="1200">
                <a:solidFill>
                  <a:srgbClr val="242424"/>
                </a:solidFill>
              </a:rPr>
              <a:t>Determine ideal fixed/floating capital structure mix to align with peers and achieve increase interest rate risk objectives as inflation remains elevated and Fed rate hikes expectations continue to escalate</a:t>
            </a:r>
          </a:p>
          <a:p>
            <a:pPr marL="282575" indent="-282575" defTabSz="457200">
              <a:lnSpc>
                <a:spcPct val="100000"/>
              </a:lnSpc>
              <a:spcBef>
                <a:spcPts val="400"/>
              </a:spcBef>
              <a:spcAft>
                <a:spcPts val="0"/>
              </a:spcAft>
            </a:pPr>
            <a:r>
              <a:rPr lang="en-US" sz="1200">
                <a:solidFill>
                  <a:srgbClr val="242424"/>
                </a:solidFill>
              </a:rPr>
              <a:t>Execute hedges: balancing rewarding bank relationship while achieving competitive pricing</a:t>
            </a:r>
          </a:p>
          <a:p>
            <a:pPr marL="0" indent="0" defTabSz="457200">
              <a:lnSpc>
                <a:spcPct val="100000"/>
              </a:lnSpc>
              <a:spcAft>
                <a:spcPts val="0"/>
              </a:spcAft>
              <a:buFont typeface="Arial" panose="020B0604020202020204" pitchFamily="34" charset="0"/>
              <a:buNone/>
            </a:pPr>
            <a:endParaRPr lang="en-US" sz="1100">
              <a:solidFill>
                <a:srgbClr val="242424"/>
              </a:solidFill>
            </a:endParaRPr>
          </a:p>
          <a:p>
            <a:pPr marL="0" indent="0" defTabSz="457200">
              <a:lnSpc>
                <a:spcPct val="100000"/>
              </a:lnSpc>
              <a:spcAft>
                <a:spcPts val="0"/>
              </a:spcAft>
              <a:buFont typeface="Arial" panose="020B0604020202020204" pitchFamily="34" charset="0"/>
              <a:buNone/>
            </a:pPr>
            <a:r>
              <a:rPr lang="en-US" b="1">
                <a:solidFill>
                  <a:schemeClr val="tx2"/>
                </a:solidFill>
              </a:rPr>
              <a:t>Key activities</a:t>
            </a:r>
          </a:p>
          <a:p>
            <a:pPr marL="282575" lvl="0" indent="-282575" defTabSz="457200">
              <a:lnSpc>
                <a:spcPct val="100000"/>
              </a:lnSpc>
              <a:spcBef>
                <a:spcPts val="400"/>
              </a:spcBef>
              <a:spcAft>
                <a:spcPts val="0"/>
              </a:spcAft>
            </a:pPr>
            <a:r>
              <a:rPr lang="en-US" sz="1200">
                <a:solidFill>
                  <a:srgbClr val="242424"/>
                </a:solidFill>
              </a:rPr>
              <a:t>Quantified hedging impact of various strategies against multiple future interest rate scenarios.</a:t>
            </a:r>
          </a:p>
          <a:p>
            <a:pPr marL="282575" lvl="0" indent="-282575" defTabSz="457200">
              <a:lnSpc>
                <a:spcPct val="100000"/>
              </a:lnSpc>
              <a:spcBef>
                <a:spcPts val="400"/>
              </a:spcBef>
              <a:spcAft>
                <a:spcPts val="0"/>
              </a:spcAft>
            </a:pPr>
            <a:r>
              <a:rPr lang="en-US" sz="1200">
                <a:solidFill>
                  <a:srgbClr val="242424"/>
                </a:solidFill>
              </a:rPr>
              <a:t>Created peer analysis comparison to inform target hedge ratio.</a:t>
            </a:r>
          </a:p>
          <a:p>
            <a:pPr marL="282575" indent="-282575" defTabSz="457200">
              <a:lnSpc>
                <a:spcPct val="100000"/>
              </a:lnSpc>
              <a:spcBef>
                <a:spcPts val="400"/>
              </a:spcBef>
              <a:spcAft>
                <a:spcPts val="0"/>
              </a:spcAft>
            </a:pPr>
            <a:r>
              <a:rPr lang="en-US" sz="1200">
                <a:solidFill>
                  <a:srgbClr val="242424"/>
                </a:solidFill>
              </a:rPr>
              <a:t>Worked with counterparties to negotiate hedge pricing and reduce overall transaction costs prior to trading.</a:t>
            </a:r>
          </a:p>
          <a:p>
            <a:pPr marL="282575" indent="-282575" defTabSz="457200">
              <a:lnSpc>
                <a:spcPct val="100000"/>
              </a:lnSpc>
              <a:spcBef>
                <a:spcPts val="400"/>
              </a:spcBef>
              <a:spcAft>
                <a:spcPts val="0"/>
              </a:spcAft>
            </a:pPr>
            <a:r>
              <a:rPr lang="en-US" sz="1200">
                <a:solidFill>
                  <a:srgbClr val="242424"/>
                </a:solidFill>
              </a:rPr>
              <a:t>Executed hedge transactions within company’s preferred timeline, ensuring competitive live pricing.</a:t>
            </a:r>
          </a:p>
          <a:p>
            <a:pPr marL="0" indent="0" defTabSz="457200">
              <a:lnSpc>
                <a:spcPct val="100000"/>
              </a:lnSpc>
              <a:spcAft>
                <a:spcPts val="0"/>
              </a:spcAft>
              <a:buFont typeface="Arial" panose="020B0604020202020204" pitchFamily="34" charset="0"/>
              <a:buNone/>
            </a:pPr>
            <a:endParaRPr lang="en-US" sz="1100">
              <a:solidFill>
                <a:srgbClr val="242424"/>
              </a:solidFill>
            </a:endParaRPr>
          </a:p>
          <a:p>
            <a:pPr marL="0" indent="0" defTabSz="457200">
              <a:lnSpc>
                <a:spcPct val="100000"/>
              </a:lnSpc>
              <a:spcAft>
                <a:spcPts val="0"/>
              </a:spcAft>
              <a:buFont typeface="Arial" panose="020B0604020202020204" pitchFamily="34" charset="0"/>
              <a:buNone/>
            </a:pPr>
            <a:r>
              <a:rPr lang="en-US" b="1">
                <a:solidFill>
                  <a:schemeClr val="tx2"/>
                </a:solidFill>
              </a:rPr>
              <a:t>Results</a:t>
            </a:r>
          </a:p>
          <a:p>
            <a:pPr marL="282575" lvl="0" indent="-282575" defTabSz="457200">
              <a:lnSpc>
                <a:spcPct val="100000"/>
              </a:lnSpc>
              <a:spcBef>
                <a:spcPts val="400"/>
              </a:spcBef>
              <a:spcAft>
                <a:spcPts val="0"/>
              </a:spcAft>
            </a:pPr>
            <a:r>
              <a:rPr lang="en-US" sz="1200">
                <a:solidFill>
                  <a:srgbClr val="242424"/>
                </a:solidFill>
              </a:rPr>
              <a:t>Provided quantitative risk analysis and peer capital structure analysis to allow company to make an informed decision to meet risk mitigation objectives.</a:t>
            </a:r>
          </a:p>
          <a:p>
            <a:pPr marL="282575" lvl="0" indent="-282575" defTabSz="457200">
              <a:lnSpc>
                <a:spcPct val="100000"/>
              </a:lnSpc>
              <a:spcBef>
                <a:spcPts val="400"/>
              </a:spcBef>
              <a:spcAft>
                <a:spcPts val="0"/>
              </a:spcAft>
            </a:pPr>
            <a:r>
              <a:rPr lang="en-US" sz="1200">
                <a:solidFill>
                  <a:srgbClr val="242424"/>
                </a:solidFill>
              </a:rPr>
              <a:t>Executed on defined hedging structure, ensuring efficient and transparent hedge pricing.</a:t>
            </a:r>
          </a:p>
        </p:txBody>
      </p:sp>
      <p:sp>
        <p:nvSpPr>
          <p:cNvPr id="7" name="Rectangle 6">
            <a:extLst>
              <a:ext uri="{FF2B5EF4-FFF2-40B4-BE49-F238E27FC236}">
                <a16:creationId xmlns:a16="http://schemas.microsoft.com/office/drawing/2014/main" id="{11DA286A-073F-46D4-9E7E-38371999A97B}"/>
              </a:ext>
            </a:extLst>
          </p:cNvPr>
          <p:cNvSpPr/>
          <p:nvPr/>
        </p:nvSpPr>
        <p:spPr>
          <a:xfrm>
            <a:off x="6430351" y="4659477"/>
            <a:ext cx="4925626" cy="1201394"/>
          </a:xfrm>
          <a:prstGeom prst="rect">
            <a:avLst/>
          </a:prstGeom>
          <a:solidFill>
            <a:schemeClr val="bg1">
              <a:lumMod val="95000"/>
            </a:schemeClr>
          </a:solidFill>
          <a:ln>
            <a:solidFill>
              <a:schemeClr val="bg1">
                <a:lumMod val="85000"/>
              </a:schemeClr>
            </a:solidFill>
          </a:ln>
        </p:spPr>
        <p:style>
          <a:lnRef idx="0">
            <a:scrgbClr r="0" g="0" b="0"/>
          </a:lnRef>
          <a:fillRef idx="0">
            <a:scrgbClr r="0" g="0" b="0"/>
          </a:fillRef>
          <a:effectRef idx="0">
            <a:scrgbClr r="0" g="0" b="0"/>
          </a:effectRef>
          <a:fontRef idx="minor">
            <a:schemeClr val="lt1"/>
          </a:fontRef>
        </p:style>
        <p:txBody>
          <a:bodyPr wrap="square" rtlCol="0">
            <a:noAutofit/>
          </a:bodyPr>
          <a:lstStyle/>
          <a:p>
            <a:pPr>
              <a:lnSpc>
                <a:spcPct val="110000"/>
              </a:lnSpc>
              <a:spcAft>
                <a:spcPts val="300"/>
              </a:spcAft>
            </a:pPr>
            <a:r>
              <a:rPr lang="en-US" sz="1400" b="1">
                <a:solidFill>
                  <a:schemeClr val="tx2"/>
                </a:solidFill>
              </a:rPr>
              <a:t>Additional details</a:t>
            </a:r>
          </a:p>
          <a:p>
            <a:pPr marL="171450" indent="-171450">
              <a:lnSpc>
                <a:spcPct val="110000"/>
              </a:lnSpc>
              <a:buFont typeface="Arial" panose="020B0604020202020204" pitchFamily="34" charset="0"/>
              <a:buChar char="•"/>
            </a:pPr>
            <a:r>
              <a:rPr lang="en-US" sz="1200" b="1">
                <a:solidFill>
                  <a:schemeClr val="tx1"/>
                </a:solidFill>
              </a:rPr>
              <a:t>$250M </a:t>
            </a:r>
            <a:r>
              <a:rPr lang="en-US" sz="1200">
                <a:solidFill>
                  <a:schemeClr val="tx1"/>
                </a:solidFill>
              </a:rPr>
              <a:t>pay-fixed swap, split capacity across </a:t>
            </a:r>
            <a:r>
              <a:rPr lang="en-US" sz="1200" b="1">
                <a:solidFill>
                  <a:schemeClr val="tx1"/>
                </a:solidFill>
              </a:rPr>
              <a:t>4 counterparties</a:t>
            </a:r>
          </a:p>
          <a:p>
            <a:pPr marL="171450" indent="-171450">
              <a:lnSpc>
                <a:spcPct val="110000"/>
              </a:lnSpc>
              <a:buFont typeface="Arial" panose="020B0604020202020204" pitchFamily="34" charset="0"/>
              <a:buChar char="•"/>
            </a:pPr>
            <a:r>
              <a:rPr lang="en-US" sz="1200">
                <a:solidFill>
                  <a:schemeClr val="tx1"/>
                </a:solidFill>
              </a:rPr>
              <a:t>Negotiation credit/execution charges prior to savings which amounted to approximately </a:t>
            </a:r>
            <a:r>
              <a:rPr lang="en-US" sz="1200" b="1">
                <a:solidFill>
                  <a:schemeClr val="tx1"/>
                </a:solidFill>
              </a:rPr>
              <a:t>$250K</a:t>
            </a:r>
          </a:p>
          <a:p>
            <a:pPr marL="171450" indent="-171450">
              <a:lnSpc>
                <a:spcPct val="110000"/>
              </a:lnSpc>
              <a:buFont typeface="Arial" panose="020B0604020202020204" pitchFamily="34" charset="0"/>
              <a:buChar char="•"/>
            </a:pPr>
            <a:r>
              <a:rPr lang="en-US" sz="1200" b="1">
                <a:solidFill>
                  <a:schemeClr val="tx1"/>
                </a:solidFill>
              </a:rPr>
              <a:t>Reduced ‘worse-case’ interest expense by $28mm </a:t>
            </a:r>
            <a:r>
              <a:rPr lang="en-US" sz="1200">
                <a:solidFill>
                  <a:schemeClr val="tx1"/>
                </a:solidFill>
              </a:rPr>
              <a:t>over a 4-year period</a:t>
            </a:r>
          </a:p>
        </p:txBody>
      </p:sp>
      <p:sp>
        <p:nvSpPr>
          <p:cNvPr id="8" name="TextBox 7">
            <a:extLst>
              <a:ext uri="{FF2B5EF4-FFF2-40B4-BE49-F238E27FC236}">
                <a16:creationId xmlns:a16="http://schemas.microsoft.com/office/drawing/2014/main" id="{AD8D2FA3-076F-4AAE-A016-B657F3EC36F8}"/>
              </a:ext>
            </a:extLst>
          </p:cNvPr>
          <p:cNvSpPr txBox="1"/>
          <p:nvPr/>
        </p:nvSpPr>
        <p:spPr>
          <a:xfrm>
            <a:off x="7972696" y="1707304"/>
            <a:ext cx="3383280" cy="393213"/>
          </a:xfrm>
          <a:prstGeom prst="rect">
            <a:avLst/>
          </a:prstGeom>
          <a:solidFill>
            <a:schemeClr val="bg1"/>
          </a:solidFill>
        </p:spPr>
        <p:txBody>
          <a:bodyPr wrap="none" lIns="0" tIns="0" rIns="0" bIns="0" rtlCol="0">
            <a:noAutofit/>
          </a:bodyPr>
          <a:lstStyle/>
          <a:p>
            <a:pPr algn="ctr"/>
            <a:r>
              <a:rPr lang="en-US" sz="1400" b="1">
                <a:solidFill>
                  <a:schemeClr val="tx2"/>
                </a:solidFill>
              </a:rPr>
              <a:t>Total interest expense </a:t>
            </a:r>
          </a:p>
          <a:p>
            <a:pPr algn="ctr"/>
            <a:r>
              <a:rPr lang="en-US" sz="1000"/>
              <a:t>Forward curve w/ </a:t>
            </a:r>
            <a:r>
              <a:rPr lang="en-US" sz="1000">
                <a:solidFill>
                  <a:srgbClr val="242424"/>
                </a:solidFill>
              </a:rPr>
              <a:t>±</a:t>
            </a:r>
            <a:r>
              <a:rPr lang="en-US" sz="1000"/>
              <a:t> 1 &amp; 2 standard deviation bands</a:t>
            </a:r>
          </a:p>
        </p:txBody>
      </p:sp>
      <p:graphicFrame>
        <p:nvGraphicFramePr>
          <p:cNvPr id="9" name="Table 5">
            <a:extLst>
              <a:ext uri="{FF2B5EF4-FFF2-40B4-BE49-F238E27FC236}">
                <a16:creationId xmlns:a16="http://schemas.microsoft.com/office/drawing/2014/main" id="{F574AE1E-DE6B-4ECB-8EAC-46667884C7CE}"/>
              </a:ext>
            </a:extLst>
          </p:cNvPr>
          <p:cNvGraphicFramePr>
            <a:graphicFrameLocks noGrp="1"/>
          </p:cNvGraphicFramePr>
          <p:nvPr>
            <p:extLst>
              <p:ext uri="{D42A27DB-BD31-4B8C-83A1-F6EECF244321}">
                <p14:modId xmlns:p14="http://schemas.microsoft.com/office/powerpoint/2010/main" val="2113563634"/>
              </p:ext>
            </p:extLst>
          </p:nvPr>
        </p:nvGraphicFramePr>
        <p:xfrm>
          <a:off x="6430350" y="2167382"/>
          <a:ext cx="4925626" cy="2259969"/>
        </p:xfrm>
        <a:graphic>
          <a:graphicData uri="http://schemas.openxmlformats.org/drawingml/2006/table">
            <a:tbl>
              <a:tblPr firstRow="1" bandRow="1">
                <a:tableStyleId>{5C22544A-7EE6-4342-B048-85BDC9FD1C3A}</a:tableStyleId>
              </a:tblPr>
              <a:tblGrid>
                <a:gridCol w="1364150">
                  <a:extLst>
                    <a:ext uri="{9D8B030D-6E8A-4147-A177-3AD203B41FA5}">
                      <a16:colId xmlns:a16="http://schemas.microsoft.com/office/drawing/2014/main" val="2344131884"/>
                    </a:ext>
                  </a:extLst>
                </a:gridCol>
                <a:gridCol w="813219">
                  <a:extLst>
                    <a:ext uri="{9D8B030D-6E8A-4147-A177-3AD203B41FA5}">
                      <a16:colId xmlns:a16="http://schemas.microsoft.com/office/drawing/2014/main" val="1810102491"/>
                    </a:ext>
                  </a:extLst>
                </a:gridCol>
                <a:gridCol w="903890">
                  <a:extLst>
                    <a:ext uri="{9D8B030D-6E8A-4147-A177-3AD203B41FA5}">
                      <a16:colId xmlns:a16="http://schemas.microsoft.com/office/drawing/2014/main" val="1785611049"/>
                    </a:ext>
                  </a:extLst>
                </a:gridCol>
                <a:gridCol w="903264">
                  <a:extLst>
                    <a:ext uri="{9D8B030D-6E8A-4147-A177-3AD203B41FA5}">
                      <a16:colId xmlns:a16="http://schemas.microsoft.com/office/drawing/2014/main" val="840353793"/>
                    </a:ext>
                  </a:extLst>
                </a:gridCol>
                <a:gridCol w="941103">
                  <a:extLst>
                    <a:ext uri="{9D8B030D-6E8A-4147-A177-3AD203B41FA5}">
                      <a16:colId xmlns:a16="http://schemas.microsoft.com/office/drawing/2014/main" val="4008994645"/>
                    </a:ext>
                  </a:extLst>
                </a:gridCol>
              </a:tblGrid>
              <a:tr h="274346">
                <a:tc>
                  <a:txBody>
                    <a:bodyPr/>
                    <a:lstStyle/>
                    <a:p>
                      <a:endParaRPr lang="en-US" sz="1000"/>
                    </a:p>
                  </a:txBody>
                  <a:tcPr>
                    <a:lnL w="6350" cap="flat" cmpd="sng" algn="ctr">
                      <a:solidFill>
                        <a:schemeClr val="bg1">
                          <a:lumMod val="85000"/>
                        </a:schemeClr>
                      </a:solidFill>
                      <a:prstDash val="solid"/>
                      <a:round/>
                      <a:headEnd type="none" w="med" len="med"/>
                      <a:tailEnd type="none" w="med" len="med"/>
                    </a:lnL>
                    <a:lnR w="6350" cap="flat" cmpd="sng" algn="ctr">
                      <a:solidFill>
                        <a:schemeClr val="bg1">
                          <a:lumMod val="85000"/>
                        </a:schemeClr>
                      </a:solidFill>
                      <a:prstDash val="solid"/>
                      <a:round/>
                      <a:headEnd type="none" w="med" len="med"/>
                      <a:tailEnd type="none" w="med" len="med"/>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noFill/>
                  </a:tcPr>
                </a:tc>
                <a:tc gridSpan="2">
                  <a:txBody>
                    <a:bodyPr/>
                    <a:lstStyle/>
                    <a:p>
                      <a:pPr algn="ctr"/>
                      <a:r>
                        <a:rPr lang="en-US" sz="1000"/>
                        <a:t>Current profile</a:t>
                      </a:r>
                    </a:p>
                  </a:txBody>
                  <a:tcPr anchor="ctr">
                    <a:lnL w="6350" cap="flat" cmpd="sng" algn="ctr">
                      <a:solidFill>
                        <a:schemeClr val="bg1">
                          <a:lumMod val="85000"/>
                        </a:schemeClr>
                      </a:solidFill>
                      <a:prstDash val="solid"/>
                      <a:round/>
                      <a:headEnd type="none" w="med" len="med"/>
                      <a:tailEnd type="none" w="med" len="med"/>
                    </a:lnL>
                    <a:lnR w="6350" cap="flat" cmpd="sng" algn="ctr">
                      <a:solidFill>
                        <a:schemeClr val="bg1">
                          <a:lumMod val="85000"/>
                        </a:schemeClr>
                      </a:solidFill>
                      <a:prstDash val="solid"/>
                      <a:round/>
                      <a:headEnd type="none" w="med" len="med"/>
                      <a:tailEnd type="none" w="med" len="med"/>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tc hMerge="1">
                  <a:txBody>
                    <a:bodyPr/>
                    <a:lstStyle/>
                    <a:p>
                      <a:pPr algn="ctr"/>
                      <a:endParaRPr lang="en-US" sz="1050"/>
                    </a:p>
                  </a:txBody>
                  <a:tcPr>
                    <a:lnL w="6350" cap="flat" cmpd="sng" algn="ctr">
                      <a:solidFill>
                        <a:schemeClr val="bg1">
                          <a:lumMod val="85000"/>
                        </a:schemeClr>
                      </a:solidFill>
                      <a:prstDash val="solid"/>
                      <a:round/>
                      <a:headEnd type="none" w="med" len="med"/>
                      <a:tailEnd type="none" w="med" len="med"/>
                    </a:lnL>
                    <a:lnR w="6350" cap="flat" cmpd="sng" algn="ctr">
                      <a:solidFill>
                        <a:schemeClr val="bg1">
                          <a:lumMod val="85000"/>
                        </a:schemeClr>
                      </a:solidFill>
                      <a:prstDash val="solid"/>
                      <a:round/>
                      <a:headEnd type="none" w="med" len="med"/>
                      <a:tailEnd type="none" w="med" len="med"/>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tc gridSpan="2">
                  <a:txBody>
                    <a:bodyPr/>
                    <a:lstStyle/>
                    <a:p>
                      <a:pPr algn="ctr"/>
                      <a:r>
                        <a:rPr lang="en-US" sz="1000"/>
                        <a:t>Swap $250mm (80% Fixed)</a:t>
                      </a:r>
                    </a:p>
                  </a:txBody>
                  <a:tcPr anchor="ctr">
                    <a:lnL w="6350" cap="flat" cmpd="sng" algn="ctr">
                      <a:solidFill>
                        <a:schemeClr val="bg1">
                          <a:lumMod val="85000"/>
                        </a:schemeClr>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tc hMerge="1">
                  <a:txBody>
                    <a:bodyPr/>
                    <a:lstStyle/>
                    <a:p>
                      <a:pPr algn="ctr"/>
                      <a:endParaRPr lang="en-US" sz="1050"/>
                    </a:p>
                  </a:txBody>
                  <a:tcPr>
                    <a:lnL w="6350" cap="flat" cmpd="sng" algn="ctr">
                      <a:solidFill>
                        <a:schemeClr val="bg1">
                          <a:lumMod val="85000"/>
                        </a:schemeClr>
                      </a:solidFill>
                      <a:prstDash val="solid"/>
                      <a:round/>
                      <a:headEnd type="none" w="med" len="med"/>
                      <a:tailEnd type="none" w="med" len="med"/>
                    </a:lnL>
                    <a:lnR w="6350" cap="flat" cmpd="sng" algn="ctr">
                      <a:solidFill>
                        <a:schemeClr val="bg1">
                          <a:lumMod val="85000"/>
                        </a:schemeClr>
                      </a:solidFill>
                      <a:prstDash val="solid"/>
                      <a:round/>
                      <a:headEnd type="none" w="med" len="med"/>
                      <a:tailEnd type="none" w="med" len="med"/>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extLst>
                  <a:ext uri="{0D108BD9-81ED-4DB2-BD59-A6C34878D82A}">
                    <a16:rowId xmlns:a16="http://schemas.microsoft.com/office/drawing/2014/main" val="4085491231"/>
                  </a:ext>
                </a:extLst>
              </a:tr>
              <a:tr h="274346">
                <a:tc>
                  <a:txBody>
                    <a:bodyPr/>
                    <a:lstStyle/>
                    <a:p>
                      <a:pPr algn="l"/>
                      <a:r>
                        <a:rPr lang="en-US" sz="900" b="1"/>
                        <a:t>New swap rate locked in</a:t>
                      </a:r>
                    </a:p>
                  </a:txBody>
                  <a:tcPr anchor="ctr">
                    <a:lnL w="6350" cap="flat" cmpd="sng" algn="ctr">
                      <a:solidFill>
                        <a:schemeClr val="bg1">
                          <a:lumMod val="85000"/>
                        </a:schemeClr>
                      </a:solidFill>
                      <a:prstDash val="solid"/>
                      <a:round/>
                      <a:headEnd type="none" w="med" len="med"/>
                      <a:tailEnd type="none" w="med" len="med"/>
                    </a:lnL>
                    <a:lnR w="6350" cap="flat" cmpd="sng" algn="ctr">
                      <a:solidFill>
                        <a:schemeClr val="bg1">
                          <a:lumMod val="85000"/>
                        </a:schemeClr>
                      </a:solidFill>
                      <a:prstDash val="solid"/>
                      <a:round/>
                      <a:headEnd type="none" w="med" len="med"/>
                      <a:tailEnd type="none" w="med" len="med"/>
                    </a:lnR>
                    <a:lnT w="6350"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6">
                        <a:lumMod val="20000"/>
                        <a:lumOff val="80000"/>
                      </a:schemeClr>
                    </a:solidFill>
                  </a:tcPr>
                </a:tc>
                <a:tc gridSpan="2">
                  <a:txBody>
                    <a:bodyPr/>
                    <a:lstStyle/>
                    <a:p>
                      <a:pPr algn="ctr"/>
                      <a:r>
                        <a:rPr lang="en-US" sz="900"/>
                        <a:t>-</a:t>
                      </a:r>
                    </a:p>
                  </a:txBody>
                  <a:tcPr anchor="ctr">
                    <a:lnL w="6350" cap="flat" cmpd="sng" algn="ctr">
                      <a:solidFill>
                        <a:schemeClr val="bg1">
                          <a:lumMod val="85000"/>
                        </a:schemeClr>
                      </a:solidFill>
                      <a:prstDash val="solid"/>
                      <a:round/>
                      <a:headEnd type="none" w="med" len="med"/>
                      <a:tailEnd type="none" w="med" len="med"/>
                    </a:lnL>
                    <a:lnR w="6350" cap="flat" cmpd="sng" algn="ctr">
                      <a:solidFill>
                        <a:schemeClr val="bg1">
                          <a:lumMod val="85000"/>
                        </a:schemeClr>
                      </a:solidFill>
                      <a:prstDash val="solid"/>
                      <a:round/>
                      <a:headEnd type="none" w="med" len="med"/>
                      <a:tailEnd type="none" w="med" len="med"/>
                    </a:lnR>
                    <a:lnT w="6350"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6">
                        <a:lumMod val="20000"/>
                        <a:lumOff val="80000"/>
                      </a:schemeClr>
                    </a:solidFill>
                  </a:tcPr>
                </a:tc>
                <a:tc hMerge="1">
                  <a:txBody>
                    <a:bodyPr/>
                    <a:lstStyle/>
                    <a:p>
                      <a:pPr algn="ctr"/>
                      <a:endParaRPr lang="en-US" sz="1050"/>
                    </a:p>
                  </a:txBody>
                  <a:tcPr>
                    <a:lnL w="6350" cap="flat" cmpd="sng" algn="ctr">
                      <a:solidFill>
                        <a:schemeClr val="bg1">
                          <a:lumMod val="85000"/>
                        </a:schemeClr>
                      </a:solidFill>
                      <a:prstDash val="solid"/>
                      <a:round/>
                      <a:headEnd type="none" w="med" len="med"/>
                      <a:tailEnd type="none" w="med" len="med"/>
                    </a:lnL>
                    <a:lnR w="6350" cap="flat" cmpd="sng" algn="ctr">
                      <a:solidFill>
                        <a:schemeClr val="bg1">
                          <a:lumMod val="85000"/>
                        </a:schemeClr>
                      </a:solidFill>
                      <a:prstDash val="solid"/>
                      <a:round/>
                      <a:headEnd type="none" w="med" len="med"/>
                      <a:tailEnd type="none" w="med" len="med"/>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solidFill>
                      <a:schemeClr val="accent6">
                        <a:lumMod val="20000"/>
                        <a:lumOff val="80000"/>
                      </a:schemeClr>
                    </a:solidFill>
                  </a:tcPr>
                </a:tc>
                <a:tc gridSpan="2">
                  <a:txBody>
                    <a:bodyPr/>
                    <a:lstStyle/>
                    <a:p>
                      <a:pPr marL="0" marR="0" lvl="0" indent="0" algn="ctr" defTabSz="914400" rtl="0" eaLnBrk="1" fontAlgn="b" latinLnBrk="0" hangingPunct="1">
                        <a:lnSpc>
                          <a:spcPct val="100000"/>
                        </a:lnSpc>
                        <a:spcBef>
                          <a:spcPts val="0"/>
                        </a:spcBef>
                        <a:spcAft>
                          <a:spcPts val="0"/>
                        </a:spcAft>
                        <a:buClrTx/>
                        <a:buSzTx/>
                        <a:buFontTx/>
                        <a:buNone/>
                        <a:tabLst/>
                        <a:defRPr/>
                      </a:pPr>
                      <a:r>
                        <a:rPr lang="en-US" sz="1000" b="1"/>
                        <a:t>Swap rate: 2.00%</a:t>
                      </a:r>
                      <a:endParaRPr kumimoji="0" lang="en-US" sz="500" b="0" i="0" u="none" strike="noStrike" kern="1200" cap="none" spc="0" normalizeH="0" baseline="0" noProof="0">
                        <a:ln>
                          <a:noFill/>
                        </a:ln>
                        <a:solidFill>
                          <a:srgbClr val="000000"/>
                        </a:solidFill>
                        <a:effectLst/>
                        <a:uLnTx/>
                        <a:uFillTx/>
                        <a:latin typeface="Calibri" panose="020F0502020204030204" pitchFamily="34" charset="0"/>
                        <a:ea typeface="+mn-ea"/>
                        <a:cs typeface="+mn-cs"/>
                      </a:endParaRPr>
                    </a:p>
                  </a:txBody>
                  <a:tcPr anchor="ctr">
                    <a:lnL w="6350" cap="flat" cmpd="sng" algn="ctr">
                      <a:solidFill>
                        <a:schemeClr val="bg1">
                          <a:lumMod val="85000"/>
                        </a:schemeClr>
                      </a:solidFill>
                      <a:prstDash val="solid"/>
                      <a:round/>
                      <a:headEnd type="none" w="med" len="med"/>
                      <a:tailEnd type="none" w="med" len="med"/>
                    </a:lnL>
                    <a:lnR w="6350" cap="flat" cmpd="sng" algn="ctr">
                      <a:noFill/>
                      <a:prstDash val="solid"/>
                      <a:round/>
                      <a:headEnd type="none" w="med" len="med"/>
                      <a:tailEnd type="none" w="med" len="med"/>
                    </a:lnR>
                    <a:lnT w="6350"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6">
                        <a:lumMod val="20000"/>
                        <a:lumOff val="80000"/>
                      </a:schemeClr>
                    </a:solidFill>
                  </a:tcPr>
                </a:tc>
                <a:tc hMerge="1">
                  <a:txBody>
                    <a:bodyPr/>
                    <a:lstStyle/>
                    <a:p>
                      <a:pPr algn="ctr"/>
                      <a:endParaRPr lang="en-US" sz="1050"/>
                    </a:p>
                  </a:txBody>
                  <a:tcPr>
                    <a:lnL w="6350" cap="flat" cmpd="sng" algn="ctr">
                      <a:solidFill>
                        <a:schemeClr val="bg1">
                          <a:lumMod val="85000"/>
                        </a:schemeClr>
                      </a:solidFill>
                      <a:prstDash val="solid"/>
                      <a:round/>
                      <a:headEnd type="none" w="med" len="med"/>
                      <a:tailEnd type="none" w="med" len="med"/>
                    </a:lnL>
                    <a:lnR w="6350" cap="flat" cmpd="sng" algn="ctr">
                      <a:solidFill>
                        <a:schemeClr val="bg1">
                          <a:lumMod val="85000"/>
                        </a:schemeClr>
                      </a:solidFill>
                      <a:prstDash val="solid"/>
                      <a:round/>
                      <a:headEnd type="none" w="med" len="med"/>
                      <a:tailEnd type="none" w="med" len="med"/>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solidFill>
                      <a:schemeClr val="accent6">
                        <a:lumMod val="20000"/>
                        <a:lumOff val="80000"/>
                      </a:schemeClr>
                    </a:solidFill>
                  </a:tcPr>
                </a:tc>
                <a:extLst>
                  <a:ext uri="{0D108BD9-81ED-4DB2-BD59-A6C34878D82A}">
                    <a16:rowId xmlns:a16="http://schemas.microsoft.com/office/drawing/2014/main" val="56818754"/>
                  </a:ext>
                </a:extLst>
              </a:tr>
              <a:tr h="262259">
                <a:tc>
                  <a:txBody>
                    <a:bodyPr/>
                    <a:lstStyle/>
                    <a:p>
                      <a:endParaRPr lang="en-US" sz="900" b="1"/>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a:r>
                        <a:rPr lang="en-US" sz="900">
                          <a:solidFill>
                            <a:schemeClr val="bg1"/>
                          </a:solidFill>
                        </a:rPr>
                        <a:t>Effective rate</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tx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solidFill>
                            <a:schemeClr val="bg1"/>
                          </a:solidFill>
                        </a:rPr>
                        <a:t>Interest expense</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5"/>
                    </a:solidFill>
                  </a:tcPr>
                </a:tc>
                <a:tc>
                  <a:txBody>
                    <a:bodyPr/>
                    <a:lstStyle/>
                    <a:p>
                      <a:pPr algn="ctr"/>
                      <a:r>
                        <a:rPr lang="en-US" sz="900">
                          <a:solidFill>
                            <a:schemeClr val="bg1"/>
                          </a:solidFill>
                        </a:rPr>
                        <a:t>Effective rate</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tx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solidFill>
                            <a:schemeClr val="bg1"/>
                          </a:solidFill>
                        </a:rPr>
                        <a:t>Interest expense</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accent5"/>
                    </a:solidFill>
                  </a:tcPr>
                </a:tc>
                <a:extLst>
                  <a:ext uri="{0D108BD9-81ED-4DB2-BD59-A6C34878D82A}">
                    <a16:rowId xmlns:a16="http://schemas.microsoft.com/office/drawing/2014/main" val="3034904234"/>
                  </a:ext>
                </a:extLst>
              </a:tr>
              <a:tr h="257199">
                <a:tc>
                  <a:txBody>
                    <a:bodyPr/>
                    <a:lstStyle/>
                    <a:p>
                      <a:r>
                        <a:rPr lang="en-US" sz="900" b="1"/>
                        <a:t>Rates move +2 SD</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a:r>
                        <a:rPr lang="en-US" sz="900"/>
                        <a:t>6.62%</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rgbClr val="F2F2F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t>$ 194.3mm</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rgbClr val="F2F2F2"/>
                    </a:solidFill>
                  </a:tcPr>
                </a:tc>
                <a:tc>
                  <a:txBody>
                    <a:bodyPr/>
                    <a:lstStyle/>
                    <a:p>
                      <a:pPr algn="ctr"/>
                      <a:r>
                        <a:rPr lang="en-US" sz="900"/>
                        <a:t>5.67%</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rgbClr val="F2F2F2"/>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t>$ 166.4mm</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rgbClr val="F2F2F2"/>
                    </a:solidFill>
                  </a:tcPr>
                </a:tc>
                <a:extLst>
                  <a:ext uri="{0D108BD9-81ED-4DB2-BD59-A6C34878D82A}">
                    <a16:rowId xmlns:a16="http://schemas.microsoft.com/office/drawing/2014/main" val="1136114208"/>
                  </a:ext>
                </a:extLst>
              </a:tr>
              <a:tr h="257199">
                <a:tc>
                  <a:txBody>
                    <a:bodyPr/>
                    <a:lstStyle/>
                    <a:p>
                      <a:r>
                        <a:rPr lang="en-US" sz="900" b="1"/>
                        <a:t>Rates move +1 SD</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a:r>
                        <a:rPr lang="en-US" sz="900"/>
                        <a:t>4.38% </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t>$ 128.6mm</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a:r>
                        <a:rPr lang="en-US" sz="900"/>
                        <a:t>4.11% </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t>$ 120.7mm</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29794598"/>
                  </a:ext>
                </a:extLst>
              </a:tr>
              <a:tr h="307435">
                <a:tc>
                  <a:txBody>
                    <a:bodyPr/>
                    <a:lstStyle/>
                    <a:p>
                      <a:r>
                        <a:rPr lang="en-US" sz="900" b="1"/>
                        <a:t>Rates follow fwd curve</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a:r>
                        <a:rPr lang="en-US" sz="900"/>
                        <a:t>3.37% </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t>$ 99.1mm</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a:r>
                        <a:rPr lang="en-US" sz="900"/>
                        <a:t>3.39% </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t>$ 99.5mm</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461175437"/>
                  </a:ext>
                </a:extLst>
              </a:tr>
              <a:tr h="257199">
                <a:tc>
                  <a:txBody>
                    <a:bodyPr/>
                    <a:lstStyle/>
                    <a:p>
                      <a:r>
                        <a:rPr lang="en-US" sz="900" b="1"/>
                        <a:t>Rates move -1 SD</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a:r>
                        <a:rPr lang="en-US" sz="900"/>
                        <a:t>2.34%</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t>$ 68.6mm</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algn="ctr"/>
                      <a:r>
                        <a:rPr lang="en-US" sz="900"/>
                        <a:t>2.64% </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t>$ 77.6mm</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2329799673"/>
                  </a:ext>
                </a:extLst>
              </a:tr>
              <a:tr h="266485">
                <a:tc>
                  <a:txBody>
                    <a:bodyPr/>
                    <a:lstStyle/>
                    <a:p>
                      <a:r>
                        <a:rPr lang="en-US" sz="900" b="1"/>
                        <a:t>Rates move -2 SD</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t>2.01%</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t>$ 59.2mm</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algn="ctr"/>
                      <a:r>
                        <a:rPr lang="en-US" sz="900"/>
                        <a:t>2.44% </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lumMod val="9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a:t>$ 71.5mm</a:t>
                      </a:r>
                    </a:p>
                  </a:txBody>
                  <a:tcPr anchor="ctr">
                    <a:lnL w="9525" cap="flat" cmpd="sng" algn="ctr">
                      <a:solidFill>
                        <a:schemeClr val="bg1">
                          <a:lumMod val="85000"/>
                        </a:schemeClr>
                      </a:solidFill>
                      <a:prstDash val="solid"/>
                      <a:round/>
                      <a:headEnd type="none" w="med" len="med"/>
                      <a:tailEnd type="none" w="med" len="med"/>
                    </a:lnL>
                    <a:lnR w="9525" cap="flat" cmpd="sng" algn="ctr">
                      <a:solidFill>
                        <a:schemeClr val="bg1">
                          <a:lumMod val="85000"/>
                        </a:schemeClr>
                      </a:solidFill>
                      <a:prstDash val="solid"/>
                      <a:round/>
                      <a:headEnd type="none" w="med" len="med"/>
                      <a:tailEnd type="none" w="med" len="med"/>
                    </a:lnR>
                    <a:lnT w="9525" cap="flat" cmpd="sng" algn="ctr">
                      <a:solidFill>
                        <a:schemeClr val="bg1">
                          <a:lumMod val="85000"/>
                        </a:schemeClr>
                      </a:solidFill>
                      <a:prstDash val="solid"/>
                      <a:round/>
                      <a:headEnd type="none" w="med" len="med"/>
                      <a:tailEnd type="none" w="med" len="med"/>
                    </a:lnT>
                    <a:lnB w="9525" cap="flat" cmpd="sng" algn="ctr">
                      <a:solidFill>
                        <a:schemeClr val="bg1">
                          <a:lumMod val="85000"/>
                        </a:schemeClr>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2276578429"/>
                  </a:ext>
                </a:extLst>
              </a:tr>
            </a:tbl>
          </a:graphicData>
        </a:graphic>
      </p:graphicFrame>
    </p:spTree>
    <p:extLst>
      <p:ext uri="{BB962C8B-B14F-4D97-AF65-F5344CB8AC3E}">
        <p14:creationId xmlns:p14="http://schemas.microsoft.com/office/powerpoint/2010/main" val="130798948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574447-395B-0056-69AB-47866BCAE26D}"/>
              </a:ext>
            </a:extLst>
          </p:cNvPr>
          <p:cNvSpPr>
            <a:spLocks noGrp="1"/>
          </p:cNvSpPr>
          <p:nvPr>
            <p:ph type="title"/>
          </p:nvPr>
        </p:nvSpPr>
        <p:spPr/>
        <p:txBody>
          <a:bodyPr/>
          <a:lstStyle/>
          <a:p>
            <a:r>
              <a:rPr lang="en-US" dirty="0">
                <a:ea typeface="+mj-lt"/>
                <a:cs typeface="+mj-lt"/>
              </a:rPr>
              <a:t>Disclaimer</a:t>
            </a:r>
          </a:p>
        </p:txBody>
      </p:sp>
      <p:sp>
        <p:nvSpPr>
          <p:cNvPr id="3" name="Slide Number Placeholder 2">
            <a:extLst>
              <a:ext uri="{FF2B5EF4-FFF2-40B4-BE49-F238E27FC236}">
                <a16:creationId xmlns:a16="http://schemas.microsoft.com/office/drawing/2014/main" id="{37BB7DC2-B8C1-207C-73A3-8A4ECE750145}"/>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3</a:t>
            </a:fld>
            <a:endParaRPr lang="en-US">
              <a:solidFill>
                <a:srgbClr val="1F2322"/>
              </a:solidFill>
            </a:endParaRPr>
          </a:p>
        </p:txBody>
      </p:sp>
      <p:sp>
        <p:nvSpPr>
          <p:cNvPr id="4" name="Text Placeholder 3">
            <a:extLst>
              <a:ext uri="{FF2B5EF4-FFF2-40B4-BE49-F238E27FC236}">
                <a16:creationId xmlns:a16="http://schemas.microsoft.com/office/drawing/2014/main" id="{59B95EC6-C6E2-389B-5EA4-D9F992B59F6E}"/>
              </a:ext>
            </a:extLst>
          </p:cNvPr>
          <p:cNvSpPr>
            <a:spLocks noGrp="1"/>
          </p:cNvSpPr>
          <p:nvPr>
            <p:ph type="body" sz="quarter" idx="12"/>
          </p:nvPr>
        </p:nvSpPr>
        <p:spPr/>
        <p:txBody>
          <a:bodyPr/>
          <a:lstStyle/>
          <a:p>
            <a:r>
              <a:rPr lang="en-US" dirty="0"/>
              <a:t>22-0131</a:t>
            </a:r>
          </a:p>
        </p:txBody>
      </p:sp>
    </p:spTree>
    <p:extLst>
      <p:ext uri="{BB962C8B-B14F-4D97-AF65-F5344CB8AC3E}">
        <p14:creationId xmlns:p14="http://schemas.microsoft.com/office/powerpoint/2010/main" val="133082585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DF1987-CD79-4635-9440-EBDF80ACC63C}"/>
              </a:ext>
            </a:extLst>
          </p:cNvPr>
          <p:cNvSpPr>
            <a:spLocks noGrp="1"/>
          </p:cNvSpPr>
          <p:nvPr>
            <p:ph type="title"/>
          </p:nvPr>
        </p:nvSpPr>
        <p:spPr/>
        <p:txBody>
          <a:bodyPr/>
          <a:lstStyle/>
          <a:p>
            <a:endParaRPr lang="en-US"/>
          </a:p>
        </p:txBody>
      </p:sp>
      <p:sp>
        <p:nvSpPr>
          <p:cNvPr id="3" name="Slide Number Placeholder 2">
            <a:extLst>
              <a:ext uri="{FF2B5EF4-FFF2-40B4-BE49-F238E27FC236}">
                <a16:creationId xmlns:a16="http://schemas.microsoft.com/office/drawing/2014/main" id="{DE2397E7-E1F2-4F5D-BB37-14514462812C}"/>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30</a:t>
            </a:fld>
            <a:endParaRPr lang="en-US">
              <a:solidFill>
                <a:srgbClr val="1F2322"/>
              </a:solidFill>
            </a:endParaRPr>
          </a:p>
        </p:txBody>
      </p:sp>
      <p:sp>
        <p:nvSpPr>
          <p:cNvPr id="4" name="Text Placeholder 3">
            <a:extLst>
              <a:ext uri="{FF2B5EF4-FFF2-40B4-BE49-F238E27FC236}">
                <a16:creationId xmlns:a16="http://schemas.microsoft.com/office/drawing/2014/main" id="{D986E869-DF27-45B5-A77F-84BD21805C62}"/>
              </a:ext>
            </a:extLst>
          </p:cNvPr>
          <p:cNvSpPr>
            <a:spLocks noGrp="1"/>
          </p:cNvSpPr>
          <p:nvPr>
            <p:ph type="body" sz="quarter" idx="12"/>
          </p:nvPr>
        </p:nvSpPr>
        <p:spPr/>
        <p:txBody>
          <a:bodyPr/>
          <a:lstStyle/>
          <a:p>
            <a:endParaRPr lang="en-US"/>
          </a:p>
        </p:txBody>
      </p:sp>
    </p:spTree>
    <p:custDataLst>
      <p:custData r:id="rId1"/>
      <p:custData r:id="rId2"/>
    </p:custDataLst>
    <p:extLst>
      <p:ext uri="{BB962C8B-B14F-4D97-AF65-F5344CB8AC3E}">
        <p14:creationId xmlns:p14="http://schemas.microsoft.com/office/powerpoint/2010/main" val="3980930341"/>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custDataLst>
    <p:extLst>
      <p:ext uri="{BB962C8B-B14F-4D97-AF65-F5344CB8AC3E}">
        <p14:creationId xmlns:p14="http://schemas.microsoft.com/office/powerpoint/2010/main" val="256360898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69355E8-4177-4897-94BC-7F9AB9635299}"/>
              </a:ext>
            </a:extLst>
          </p:cNvPr>
          <p:cNvSpPr>
            <a:spLocks noGrp="1"/>
          </p:cNvSpPr>
          <p:nvPr>
            <p:ph type="title"/>
          </p:nvPr>
        </p:nvSpPr>
        <p:spPr/>
        <p:txBody>
          <a:bodyPr/>
          <a:lstStyle/>
          <a:p>
            <a:r>
              <a:rPr lang="en-US"/>
              <a:t>Today’s speaker</a:t>
            </a:r>
          </a:p>
        </p:txBody>
      </p:sp>
      <p:sp>
        <p:nvSpPr>
          <p:cNvPr id="4" name="Slide Number Placeholder 3">
            <a:extLst>
              <a:ext uri="{FF2B5EF4-FFF2-40B4-BE49-F238E27FC236}">
                <a16:creationId xmlns:a16="http://schemas.microsoft.com/office/drawing/2014/main" id="{7125F090-D98C-4974-A649-4480E52C1E90}"/>
              </a:ext>
            </a:extLst>
          </p:cNvPr>
          <p:cNvSpPr>
            <a:spLocks noGrp="1"/>
          </p:cNvSpPr>
          <p:nvPr>
            <p:ph type="sldNum" sz="quarter" idx="10"/>
          </p:nvPr>
        </p:nvSpPr>
        <p:spPr>
          <a:xfrm>
            <a:off x="5497125" y="6435257"/>
            <a:ext cx="1197751" cy="166035"/>
          </a:xfrm>
          <a:prstGeom prst="rect">
            <a:avLst/>
          </a:prstGeom>
        </p:spPr>
        <p:txBody>
          <a:bodyPr vert="horz" lIns="0" tIns="0" rIns="0" bIns="0" rtlCol="0" anchor="t"/>
          <a:lstStyle>
            <a:defPPr>
              <a:defRPr lang="en-US"/>
            </a:defPPr>
            <a:lvl1pPr marL="0" algn="ctr" defTabSz="457200" rtl="0" eaLnBrk="1" latinLnBrk="0" hangingPunct="1">
              <a:defRPr sz="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defTabSz="914400"/>
            <a:fld id="{EB4FF9C4-EEBF-D24D-8A4E-C0B9CCE3F975}" type="slidenum">
              <a:rPr lang="en-US" smtClean="0">
                <a:solidFill>
                  <a:srgbClr val="1F2322"/>
                </a:solidFill>
              </a:rPr>
              <a:pPr defTabSz="914400"/>
              <a:t>4</a:t>
            </a:fld>
            <a:endParaRPr lang="en-US">
              <a:solidFill>
                <a:srgbClr val="1F2322"/>
              </a:solidFill>
            </a:endParaRPr>
          </a:p>
        </p:txBody>
      </p:sp>
      <p:grpSp>
        <p:nvGrpSpPr>
          <p:cNvPr id="24" name="Group 23">
            <a:extLst>
              <a:ext uri="{FF2B5EF4-FFF2-40B4-BE49-F238E27FC236}">
                <a16:creationId xmlns:a16="http://schemas.microsoft.com/office/drawing/2014/main" id="{4F4CDD37-8264-4E6A-A0E9-341F392DA200}"/>
              </a:ext>
            </a:extLst>
          </p:cNvPr>
          <p:cNvGrpSpPr/>
          <p:nvPr/>
        </p:nvGrpSpPr>
        <p:grpSpPr>
          <a:xfrm>
            <a:off x="1112664" y="2029417"/>
            <a:ext cx="10094579" cy="1097280"/>
            <a:chOff x="1112664" y="2029417"/>
            <a:chExt cx="10094579" cy="1097280"/>
          </a:xfrm>
        </p:grpSpPr>
        <p:sp>
          <p:nvSpPr>
            <p:cNvPr id="25" name="Rectangle 24">
              <a:extLst>
                <a:ext uri="{FF2B5EF4-FFF2-40B4-BE49-F238E27FC236}">
                  <a16:creationId xmlns:a16="http://schemas.microsoft.com/office/drawing/2014/main" id="{F9666121-B223-46FF-BCE9-23722037868A}"/>
                </a:ext>
              </a:extLst>
            </p:cNvPr>
            <p:cNvSpPr/>
            <p:nvPr/>
          </p:nvSpPr>
          <p:spPr>
            <a:xfrm>
              <a:off x="6126229" y="2033461"/>
              <a:ext cx="5081014" cy="1086772"/>
            </a:xfrm>
            <a:prstGeom prst="rect">
              <a:avLst/>
            </a:prstGeom>
          </p:spPr>
          <p:txBody>
            <a:bodyPr wrap="square" tIns="0" anchor="ctr">
              <a:spAutoFit/>
            </a:bodyPr>
            <a:lstStyle/>
            <a:p>
              <a:pPr marL="0" marR="0" lvl="0" indent="0" defTabSz="457200" eaLnBrk="1" fontAlgn="base" latinLnBrk="0" hangingPunct="1">
                <a:lnSpc>
                  <a:spcPct val="114000"/>
                </a:lnSpc>
                <a:spcBef>
                  <a:spcPct val="0"/>
                </a:spcBef>
                <a:spcAft>
                  <a:spcPct val="0"/>
                </a:spcAft>
                <a:buClrTx/>
                <a:buSzTx/>
                <a:buFontTx/>
                <a:buNone/>
                <a:tabLst/>
                <a:defRPr/>
              </a:pPr>
              <a:r>
                <a:rPr kumimoji="0" lang="en-US" sz="1200" b="0" i="0" u="none" strike="noStrike" kern="0" cap="none" spc="0" normalizeH="0" baseline="0" noProof="0">
                  <a:ln>
                    <a:noFill/>
                  </a:ln>
                  <a:solidFill>
                    <a:srgbClr val="242424"/>
                  </a:solidFill>
                  <a:effectLst/>
                  <a:uLnTx/>
                  <a:uFillTx/>
                </a:rPr>
                <a:t>Carissa leads the Southeast Client Relationship team. Prior to Chatham, she worked in the fintech sector at both ICD and Reval, helping corporations and financial institutions automate their treasury and risk management operations. She graduated summa cum laude from Converse College with a degree in Mathematics and Economics.</a:t>
              </a:r>
            </a:p>
          </p:txBody>
        </p:sp>
        <p:grpSp>
          <p:nvGrpSpPr>
            <p:cNvPr id="35" name="Group 34">
              <a:extLst>
                <a:ext uri="{FF2B5EF4-FFF2-40B4-BE49-F238E27FC236}">
                  <a16:creationId xmlns:a16="http://schemas.microsoft.com/office/drawing/2014/main" id="{74E65700-B361-407E-B712-BCC6FFDE9BCD}"/>
                </a:ext>
              </a:extLst>
            </p:cNvPr>
            <p:cNvGrpSpPr/>
            <p:nvPr/>
          </p:nvGrpSpPr>
          <p:grpSpPr>
            <a:xfrm>
              <a:off x="2209945" y="2029417"/>
              <a:ext cx="2990937" cy="1094861"/>
              <a:chOff x="1626321" y="1466174"/>
              <a:chExt cx="2739971" cy="1094861"/>
            </a:xfrm>
          </p:grpSpPr>
          <p:sp>
            <p:nvSpPr>
              <p:cNvPr id="49" name="Rectangle 48">
                <a:extLst>
                  <a:ext uri="{FF2B5EF4-FFF2-40B4-BE49-F238E27FC236}">
                    <a16:creationId xmlns:a16="http://schemas.microsoft.com/office/drawing/2014/main" id="{47EA31DF-904E-49FA-BE8B-823EB9068BE1}"/>
                  </a:ext>
                </a:extLst>
              </p:cNvPr>
              <p:cNvSpPr/>
              <p:nvPr/>
            </p:nvSpPr>
            <p:spPr>
              <a:xfrm>
                <a:off x="1626322" y="1466174"/>
                <a:ext cx="1907272" cy="276999"/>
              </a:xfrm>
              <a:prstGeom prst="rect">
                <a:avLst/>
              </a:prstGeom>
            </p:spPr>
            <p:txBody>
              <a:bodyPr wrap="square">
                <a:spAutoFit/>
              </a:bodyPr>
              <a:lstStyle/>
              <a:p>
                <a:pPr marL="0" marR="0" lvl="0" indent="0" defTabSz="457200" eaLnBrk="1" fontAlgn="base" latinLnBrk="0" hangingPunct="1">
                  <a:lnSpc>
                    <a:spcPct val="100000"/>
                  </a:lnSpc>
                  <a:spcBef>
                    <a:spcPct val="0"/>
                  </a:spcBef>
                  <a:spcAft>
                    <a:spcPct val="0"/>
                  </a:spcAft>
                  <a:buClrTx/>
                  <a:buSzTx/>
                  <a:buFontTx/>
                  <a:buNone/>
                  <a:tabLst/>
                  <a:defRPr/>
                </a:pPr>
                <a:r>
                  <a:rPr kumimoji="0" lang="en-US" sz="1200" b="1" i="0" u="none" strike="noStrike" kern="0" cap="none" spc="0" normalizeH="0" baseline="0" noProof="0">
                    <a:ln>
                      <a:noFill/>
                    </a:ln>
                    <a:solidFill>
                      <a:srgbClr val="242424"/>
                    </a:solidFill>
                    <a:effectLst/>
                    <a:uLnTx/>
                    <a:uFillTx/>
                  </a:rPr>
                  <a:t>Carissa Burns</a:t>
                </a:r>
              </a:p>
            </p:txBody>
          </p:sp>
          <p:sp>
            <p:nvSpPr>
              <p:cNvPr id="50" name="Rectangle 49">
                <a:extLst>
                  <a:ext uri="{FF2B5EF4-FFF2-40B4-BE49-F238E27FC236}">
                    <a16:creationId xmlns:a16="http://schemas.microsoft.com/office/drawing/2014/main" id="{AE9E7975-5CB2-4675-8547-61B7D302D300}"/>
                  </a:ext>
                </a:extLst>
              </p:cNvPr>
              <p:cNvSpPr/>
              <p:nvPr/>
            </p:nvSpPr>
            <p:spPr>
              <a:xfrm>
                <a:off x="1626321" y="1670707"/>
                <a:ext cx="1907272" cy="261610"/>
              </a:xfrm>
              <a:prstGeom prst="rect">
                <a:avLst/>
              </a:prstGeom>
            </p:spPr>
            <p:txBody>
              <a:bodyPr wrap="square">
                <a:spAutoFit/>
              </a:bodyPr>
              <a:lstStyle/>
              <a:p>
                <a:pPr marL="0" marR="0" lvl="0" indent="0" defTabSz="457200" eaLnBrk="1" fontAlgn="base" latinLnBrk="0" hangingPunct="1">
                  <a:lnSpc>
                    <a:spcPct val="100000"/>
                  </a:lnSpc>
                  <a:spcBef>
                    <a:spcPct val="0"/>
                  </a:spcBef>
                  <a:spcAft>
                    <a:spcPct val="0"/>
                  </a:spcAft>
                  <a:buClrTx/>
                  <a:buSzTx/>
                  <a:buFontTx/>
                  <a:buNone/>
                  <a:tabLst/>
                  <a:defRPr/>
                </a:pPr>
                <a:r>
                  <a:rPr kumimoji="0" lang="en-US" sz="1100" b="0" i="0" u="none" strike="noStrike" kern="0" cap="none" spc="0" normalizeH="0" baseline="0" noProof="0">
                    <a:ln>
                      <a:noFill/>
                    </a:ln>
                    <a:solidFill>
                      <a:srgbClr val="242424"/>
                    </a:solidFill>
                    <a:effectLst/>
                    <a:uLnTx/>
                    <a:uFillTx/>
                  </a:rPr>
                  <a:t>Director</a:t>
                </a:r>
              </a:p>
            </p:txBody>
          </p:sp>
          <p:sp>
            <p:nvSpPr>
              <p:cNvPr id="51" name="Rectangle 50">
                <a:extLst>
                  <a:ext uri="{FF2B5EF4-FFF2-40B4-BE49-F238E27FC236}">
                    <a16:creationId xmlns:a16="http://schemas.microsoft.com/office/drawing/2014/main" id="{83DE38F7-7C91-4897-A2CD-60ED070D23BB}"/>
                  </a:ext>
                </a:extLst>
              </p:cNvPr>
              <p:cNvSpPr/>
              <p:nvPr/>
            </p:nvSpPr>
            <p:spPr>
              <a:xfrm>
                <a:off x="1626322" y="1843384"/>
                <a:ext cx="2086135" cy="261610"/>
              </a:xfrm>
              <a:prstGeom prst="rect">
                <a:avLst/>
              </a:prstGeom>
            </p:spPr>
            <p:txBody>
              <a:bodyPr wrap="square">
                <a:spAutoFit/>
              </a:bodyPr>
              <a:lstStyle/>
              <a:p>
                <a:pPr marL="0" marR="0" lvl="0" indent="0" defTabSz="457200" eaLnBrk="1" fontAlgn="base" latinLnBrk="0" hangingPunct="1">
                  <a:lnSpc>
                    <a:spcPct val="100000"/>
                  </a:lnSpc>
                  <a:spcBef>
                    <a:spcPct val="0"/>
                  </a:spcBef>
                  <a:spcAft>
                    <a:spcPct val="0"/>
                  </a:spcAft>
                  <a:buClrTx/>
                  <a:buSzTx/>
                  <a:buFontTx/>
                  <a:buNone/>
                  <a:tabLst/>
                  <a:defRPr/>
                </a:pPr>
                <a:r>
                  <a:rPr kumimoji="0" lang="en-US" sz="1100" b="0" i="0" u="none" strike="noStrike" kern="0" cap="none" spc="0" normalizeH="0" baseline="0" noProof="0">
                    <a:ln>
                      <a:noFill/>
                    </a:ln>
                    <a:solidFill>
                      <a:srgbClr val="242424"/>
                    </a:solidFill>
                    <a:effectLst/>
                    <a:uLnTx/>
                    <a:uFillTx/>
                  </a:rPr>
                  <a:t>Corporates</a:t>
                </a:r>
              </a:p>
            </p:txBody>
          </p:sp>
          <p:sp>
            <p:nvSpPr>
              <p:cNvPr id="52" name="Rectangle 51">
                <a:extLst>
                  <a:ext uri="{FF2B5EF4-FFF2-40B4-BE49-F238E27FC236}">
                    <a16:creationId xmlns:a16="http://schemas.microsoft.com/office/drawing/2014/main" id="{FFAADA89-36D6-460F-8181-2660AEBCA9EF}"/>
                  </a:ext>
                </a:extLst>
              </p:cNvPr>
              <p:cNvSpPr/>
              <p:nvPr/>
            </p:nvSpPr>
            <p:spPr>
              <a:xfrm>
                <a:off x="1626322" y="2105980"/>
                <a:ext cx="1497878" cy="261610"/>
              </a:xfrm>
              <a:prstGeom prst="rect">
                <a:avLst/>
              </a:prstGeom>
            </p:spPr>
            <p:txBody>
              <a:bodyPr wrap="square">
                <a:spAutoFit/>
              </a:bodyPr>
              <a:lstStyle/>
              <a:p>
                <a:pPr marL="0" marR="0" lvl="0" indent="0" defTabSz="457200" eaLnBrk="1" fontAlgn="base" latinLnBrk="0" hangingPunct="1">
                  <a:lnSpc>
                    <a:spcPct val="100000"/>
                  </a:lnSpc>
                  <a:spcBef>
                    <a:spcPct val="0"/>
                  </a:spcBef>
                  <a:spcAft>
                    <a:spcPct val="0"/>
                  </a:spcAft>
                  <a:buClrTx/>
                  <a:buSzTx/>
                  <a:buFontTx/>
                  <a:buNone/>
                  <a:tabLst/>
                  <a:defRPr/>
                </a:pPr>
                <a:r>
                  <a:rPr kumimoji="0" lang="en-US" sz="1100" b="0" i="0" u="none" strike="noStrike" kern="0" cap="none" spc="0" normalizeH="0" baseline="0" noProof="0">
                    <a:ln>
                      <a:noFill/>
                    </a:ln>
                    <a:solidFill>
                      <a:srgbClr val="242424"/>
                    </a:solidFill>
                    <a:effectLst/>
                    <a:uLnTx/>
                    <a:uFillTx/>
                  </a:rPr>
                  <a:t>+1 484.731.0061</a:t>
                </a:r>
              </a:p>
            </p:txBody>
          </p:sp>
          <p:sp>
            <p:nvSpPr>
              <p:cNvPr id="53" name="Rectangle 52">
                <a:extLst>
                  <a:ext uri="{FF2B5EF4-FFF2-40B4-BE49-F238E27FC236}">
                    <a16:creationId xmlns:a16="http://schemas.microsoft.com/office/drawing/2014/main" id="{6242C52D-508B-463D-87E3-85DC196B491E}"/>
                  </a:ext>
                </a:extLst>
              </p:cNvPr>
              <p:cNvSpPr/>
              <p:nvPr/>
            </p:nvSpPr>
            <p:spPr>
              <a:xfrm>
                <a:off x="1626322" y="2299425"/>
                <a:ext cx="2739970" cy="261610"/>
              </a:xfrm>
              <a:prstGeom prst="rect">
                <a:avLst/>
              </a:prstGeom>
            </p:spPr>
            <p:txBody>
              <a:bodyPr wrap="square">
                <a:spAutoFit/>
              </a:bodyPr>
              <a:lstStyle/>
              <a:p>
                <a:pPr lvl="0" defTabSz="457200" fontAlgn="base">
                  <a:spcBef>
                    <a:spcPct val="0"/>
                  </a:spcBef>
                  <a:spcAft>
                    <a:spcPct val="0"/>
                  </a:spcAft>
                  <a:defRPr/>
                </a:pPr>
                <a:r>
                  <a:rPr lang="en-US" sz="1100" kern="0">
                    <a:solidFill>
                      <a:srgbClr val="242424"/>
                    </a:solidFill>
                  </a:rPr>
                  <a:t>cburns@chathamfinancial.com</a:t>
                </a:r>
              </a:p>
            </p:txBody>
          </p:sp>
        </p:grpSp>
        <p:pic>
          <p:nvPicPr>
            <p:cNvPr id="45" name="Picture 44">
              <a:extLst>
                <a:ext uri="{FF2B5EF4-FFF2-40B4-BE49-F238E27FC236}">
                  <a16:creationId xmlns:a16="http://schemas.microsoft.com/office/drawing/2014/main" id="{E5CA51A7-C136-4B03-A78E-1D7A676C7E38}"/>
                </a:ext>
              </a:extLst>
            </p:cNvPr>
            <p:cNvPicPr>
              <a:picLocks noChangeAspect="1"/>
            </p:cNvPicPr>
            <p:nvPr/>
          </p:nvPicPr>
          <p:blipFill>
            <a:blip r:embed="rId2" cstate="hqprint">
              <a:extLst>
                <a:ext uri="{28A0092B-C50C-407E-A947-70E740481C1C}">
                  <a14:useLocalDpi xmlns:a14="http://schemas.microsoft.com/office/drawing/2010/main"/>
                </a:ext>
              </a:extLst>
            </a:blip>
            <a:stretch>
              <a:fillRect/>
            </a:stretch>
          </p:blipFill>
          <p:spPr>
            <a:xfrm>
              <a:off x="5552430" y="2366914"/>
              <a:ext cx="222250" cy="419867"/>
            </a:xfrm>
            <a:prstGeom prst="rect">
              <a:avLst/>
            </a:prstGeom>
          </p:spPr>
        </p:pic>
        <p:pic>
          <p:nvPicPr>
            <p:cNvPr id="48" name="Picture 47">
              <a:extLst>
                <a:ext uri="{FF2B5EF4-FFF2-40B4-BE49-F238E27FC236}">
                  <a16:creationId xmlns:a16="http://schemas.microsoft.com/office/drawing/2014/main" id="{32077D5A-B7B6-435D-9D7E-0028DB149158}"/>
                </a:ext>
              </a:extLst>
            </p:cNvPr>
            <p:cNvPicPr>
              <a:picLocks noChangeAspect="1"/>
            </p:cNvPicPr>
            <p:nvPr/>
          </p:nvPicPr>
          <p:blipFill>
            <a:blip r:embed="rId3"/>
            <a:stretch>
              <a:fillRect/>
            </a:stretch>
          </p:blipFill>
          <p:spPr>
            <a:xfrm>
              <a:off x="1112664" y="2029417"/>
              <a:ext cx="1097280" cy="1097280"/>
            </a:xfrm>
            <a:prstGeom prst="rect">
              <a:avLst/>
            </a:prstGeom>
          </p:spPr>
        </p:pic>
      </p:grpSp>
    </p:spTree>
    <p:extLst>
      <p:ext uri="{BB962C8B-B14F-4D97-AF65-F5344CB8AC3E}">
        <p14:creationId xmlns:p14="http://schemas.microsoft.com/office/powerpoint/2010/main" val="127844040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A50D87-8452-4FF9-89BF-3F4128060C23}"/>
              </a:ext>
            </a:extLst>
          </p:cNvPr>
          <p:cNvSpPr>
            <a:spLocks noGrp="1"/>
          </p:cNvSpPr>
          <p:nvPr>
            <p:ph type="title"/>
          </p:nvPr>
        </p:nvSpPr>
        <p:spPr/>
        <p:txBody>
          <a:bodyPr/>
          <a:lstStyle/>
          <a:p>
            <a:r>
              <a:rPr lang="en-US"/>
              <a:t>Chatham overview</a:t>
            </a:r>
          </a:p>
        </p:txBody>
      </p:sp>
      <p:sp>
        <p:nvSpPr>
          <p:cNvPr id="4" name="Text Placeholder 3">
            <a:extLst>
              <a:ext uri="{FF2B5EF4-FFF2-40B4-BE49-F238E27FC236}">
                <a16:creationId xmlns:a16="http://schemas.microsoft.com/office/drawing/2014/main" id="{F8DA2FF7-9F2F-4580-9F5B-4BAA6CD0EDEC}"/>
              </a:ext>
            </a:extLst>
          </p:cNvPr>
          <p:cNvSpPr>
            <a:spLocks noGrp="1"/>
          </p:cNvSpPr>
          <p:nvPr>
            <p:ph type="body" sz="quarter" idx="11"/>
          </p:nvPr>
        </p:nvSpPr>
        <p:spPr/>
        <p:txBody>
          <a:bodyPr/>
          <a:lstStyle/>
          <a:p>
            <a:r>
              <a:rPr lang="en-US"/>
              <a:t>Unequalled expertise that spans industries</a:t>
            </a:r>
          </a:p>
        </p:txBody>
      </p:sp>
      <p:grpSp>
        <p:nvGrpSpPr>
          <p:cNvPr id="39" name="Group 38">
            <a:extLst>
              <a:ext uri="{FF2B5EF4-FFF2-40B4-BE49-F238E27FC236}">
                <a16:creationId xmlns:a16="http://schemas.microsoft.com/office/drawing/2014/main" id="{3D31C221-BE38-4D79-9E29-5953A1171848}"/>
              </a:ext>
            </a:extLst>
          </p:cNvPr>
          <p:cNvGrpSpPr/>
          <p:nvPr/>
        </p:nvGrpSpPr>
        <p:grpSpPr>
          <a:xfrm>
            <a:off x="1351302" y="2274532"/>
            <a:ext cx="5029200" cy="4114800"/>
            <a:chOff x="1351302" y="2274532"/>
            <a:chExt cx="5029200" cy="4114800"/>
          </a:xfrm>
        </p:grpSpPr>
        <p:cxnSp>
          <p:nvCxnSpPr>
            <p:cNvPr id="14" name="Straight Connector 13">
              <a:extLst>
                <a:ext uri="{FF2B5EF4-FFF2-40B4-BE49-F238E27FC236}">
                  <a16:creationId xmlns:a16="http://schemas.microsoft.com/office/drawing/2014/main" id="{DFBEE627-E87E-4CC9-A7BF-A6F689DBABB6}"/>
                </a:ext>
              </a:extLst>
            </p:cNvPr>
            <p:cNvCxnSpPr>
              <a:cxnSpLocks/>
            </p:cNvCxnSpPr>
            <p:nvPr/>
          </p:nvCxnSpPr>
          <p:spPr>
            <a:xfrm>
              <a:off x="3863166" y="2274532"/>
              <a:ext cx="0" cy="4114800"/>
            </a:xfrm>
            <a:prstGeom prst="line">
              <a:avLst/>
            </a:prstGeom>
            <a:ln w="25400">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9FCA5D9E-93F1-4B54-811F-8E47890FB6FE}"/>
                </a:ext>
              </a:extLst>
            </p:cNvPr>
            <p:cNvCxnSpPr>
              <a:cxnSpLocks/>
            </p:cNvCxnSpPr>
            <p:nvPr/>
          </p:nvCxnSpPr>
          <p:spPr>
            <a:xfrm>
              <a:off x="1351302" y="4331932"/>
              <a:ext cx="5029200" cy="0"/>
            </a:xfrm>
            <a:prstGeom prst="line">
              <a:avLst/>
            </a:prstGeom>
            <a:ln w="25400">
              <a:solidFill>
                <a:schemeClr val="accent5"/>
              </a:solidFill>
            </a:ln>
          </p:spPr>
          <p:style>
            <a:lnRef idx="1">
              <a:schemeClr val="accent1"/>
            </a:lnRef>
            <a:fillRef idx="0">
              <a:schemeClr val="accent1"/>
            </a:fillRef>
            <a:effectRef idx="0">
              <a:schemeClr val="accent1"/>
            </a:effectRef>
            <a:fontRef idx="minor">
              <a:schemeClr val="tx1"/>
            </a:fontRef>
          </p:style>
        </p:cxnSp>
        <p:grpSp>
          <p:nvGrpSpPr>
            <p:cNvPr id="28" name="Group 27">
              <a:extLst>
                <a:ext uri="{FF2B5EF4-FFF2-40B4-BE49-F238E27FC236}">
                  <a16:creationId xmlns:a16="http://schemas.microsoft.com/office/drawing/2014/main" id="{B17C1D3E-1920-4C1F-AD79-883969D2EDE6}"/>
                </a:ext>
              </a:extLst>
            </p:cNvPr>
            <p:cNvGrpSpPr/>
            <p:nvPr/>
          </p:nvGrpSpPr>
          <p:grpSpPr>
            <a:xfrm>
              <a:off x="1575797" y="4365896"/>
              <a:ext cx="2057400" cy="1862465"/>
              <a:chOff x="1575797" y="4065680"/>
              <a:chExt cx="2057400" cy="1862465"/>
            </a:xfrm>
          </p:grpSpPr>
          <p:sp>
            <p:nvSpPr>
              <p:cNvPr id="12" name="TextBox 11">
                <a:extLst>
                  <a:ext uri="{FF2B5EF4-FFF2-40B4-BE49-F238E27FC236}">
                    <a16:creationId xmlns:a16="http://schemas.microsoft.com/office/drawing/2014/main" id="{4111CE81-D502-4082-8000-ABD5C60AB0D9}"/>
                  </a:ext>
                </a:extLst>
              </p:cNvPr>
              <p:cNvSpPr txBox="1">
                <a:spLocks/>
              </p:cNvSpPr>
              <p:nvPr/>
            </p:nvSpPr>
            <p:spPr>
              <a:xfrm>
                <a:off x="1575797" y="5470945"/>
                <a:ext cx="2057400" cy="457200"/>
              </a:xfrm>
              <a:prstGeom prst="rect">
                <a:avLst/>
              </a:prstGeom>
              <a:noFill/>
            </p:spPr>
            <p:txBody>
              <a:bodyPr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srgbClr val="004578"/>
                    </a:solidFill>
                    <a:effectLst/>
                    <a:uLnTx/>
                    <a:uFillTx/>
                    <a:latin typeface="Calibri" panose="020F0502020204030204"/>
                    <a:ea typeface="+mn-ea"/>
                    <a:cs typeface="+mn-cs"/>
                  </a:rPr>
                  <a:t>Financial Institutions</a:t>
                </a:r>
              </a:p>
            </p:txBody>
          </p:sp>
          <p:pic>
            <p:nvPicPr>
              <p:cNvPr id="16" name="Picture 15">
                <a:extLst>
                  <a:ext uri="{FF2B5EF4-FFF2-40B4-BE49-F238E27FC236}">
                    <a16:creationId xmlns:a16="http://schemas.microsoft.com/office/drawing/2014/main" id="{841CA6C9-3CE0-48A4-8A43-625A1249C543}"/>
                  </a:ext>
                </a:extLst>
              </p:cNvPr>
              <p:cNvPicPr>
                <a:picLocks noChangeAspect="1"/>
              </p:cNvPicPr>
              <p:nvPr/>
            </p:nvPicPr>
            <p:blipFill rotWithShape="1">
              <a:blip r:embed="rId6"/>
              <a:srcRect/>
              <a:stretch/>
            </p:blipFill>
            <p:spPr>
              <a:xfrm>
                <a:off x="1918697" y="4065680"/>
                <a:ext cx="1371600" cy="1371600"/>
              </a:xfrm>
              <a:prstGeom prst="rect">
                <a:avLst/>
              </a:prstGeom>
            </p:spPr>
          </p:pic>
        </p:grpSp>
        <p:grpSp>
          <p:nvGrpSpPr>
            <p:cNvPr id="27" name="Group 26">
              <a:extLst>
                <a:ext uri="{FF2B5EF4-FFF2-40B4-BE49-F238E27FC236}">
                  <a16:creationId xmlns:a16="http://schemas.microsoft.com/office/drawing/2014/main" id="{EB3BA2D1-7850-467D-B74D-69742461FA85}"/>
                </a:ext>
              </a:extLst>
            </p:cNvPr>
            <p:cNvGrpSpPr/>
            <p:nvPr/>
          </p:nvGrpSpPr>
          <p:grpSpPr>
            <a:xfrm>
              <a:off x="4093134" y="4365896"/>
              <a:ext cx="2057400" cy="1862465"/>
              <a:chOff x="4093134" y="4065680"/>
              <a:chExt cx="2057400" cy="1862465"/>
            </a:xfrm>
          </p:grpSpPr>
          <p:sp>
            <p:nvSpPr>
              <p:cNvPr id="13" name="TextBox 12">
                <a:extLst>
                  <a:ext uri="{FF2B5EF4-FFF2-40B4-BE49-F238E27FC236}">
                    <a16:creationId xmlns:a16="http://schemas.microsoft.com/office/drawing/2014/main" id="{9F4F8334-0706-462B-9AC0-D7FB52AFCD3A}"/>
                  </a:ext>
                </a:extLst>
              </p:cNvPr>
              <p:cNvSpPr txBox="1">
                <a:spLocks/>
              </p:cNvSpPr>
              <p:nvPr/>
            </p:nvSpPr>
            <p:spPr>
              <a:xfrm>
                <a:off x="4093134" y="5470945"/>
                <a:ext cx="2057400" cy="457200"/>
              </a:xfrm>
              <a:prstGeom prst="rect">
                <a:avLst/>
              </a:prstGeom>
              <a:noFill/>
            </p:spPr>
            <p:txBody>
              <a:bodyPr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srgbClr val="004578"/>
                    </a:solidFill>
                    <a:effectLst/>
                    <a:uLnTx/>
                    <a:uFillTx/>
                    <a:latin typeface="Calibri" panose="020F0502020204030204"/>
                    <a:ea typeface="+mn-ea"/>
                    <a:cs typeface="+mn-cs"/>
                  </a:rPr>
                  <a:t>Private Equity and Infrastructure</a:t>
                </a:r>
              </a:p>
            </p:txBody>
          </p:sp>
          <p:pic>
            <p:nvPicPr>
              <p:cNvPr id="17" name="Picture 16">
                <a:extLst>
                  <a:ext uri="{FF2B5EF4-FFF2-40B4-BE49-F238E27FC236}">
                    <a16:creationId xmlns:a16="http://schemas.microsoft.com/office/drawing/2014/main" id="{ED18D0DC-CDE3-417A-B973-4136875A64AB}"/>
                  </a:ext>
                </a:extLst>
              </p:cNvPr>
              <p:cNvPicPr>
                <a:picLocks noChangeAspect="1"/>
              </p:cNvPicPr>
              <p:nvPr/>
            </p:nvPicPr>
            <p:blipFill rotWithShape="1">
              <a:blip r:embed="rId7"/>
              <a:srcRect/>
              <a:stretch/>
            </p:blipFill>
            <p:spPr>
              <a:xfrm>
                <a:off x="4436034" y="4065680"/>
                <a:ext cx="1371600" cy="1371600"/>
              </a:xfrm>
              <a:prstGeom prst="rect">
                <a:avLst/>
              </a:prstGeom>
            </p:spPr>
          </p:pic>
        </p:grpSp>
        <p:grpSp>
          <p:nvGrpSpPr>
            <p:cNvPr id="26" name="Group 25">
              <a:extLst>
                <a:ext uri="{FF2B5EF4-FFF2-40B4-BE49-F238E27FC236}">
                  <a16:creationId xmlns:a16="http://schemas.microsoft.com/office/drawing/2014/main" id="{48BEBE83-0190-412A-B11C-4EB7FEA365CE}"/>
                </a:ext>
              </a:extLst>
            </p:cNvPr>
            <p:cNvGrpSpPr/>
            <p:nvPr/>
          </p:nvGrpSpPr>
          <p:grpSpPr>
            <a:xfrm>
              <a:off x="4093134" y="2435504"/>
              <a:ext cx="2057400" cy="1862465"/>
              <a:chOff x="4093134" y="2141203"/>
              <a:chExt cx="2057400" cy="1862465"/>
            </a:xfrm>
          </p:grpSpPr>
          <p:sp>
            <p:nvSpPr>
              <p:cNvPr id="11" name="TextBox 10">
                <a:extLst>
                  <a:ext uri="{FF2B5EF4-FFF2-40B4-BE49-F238E27FC236}">
                    <a16:creationId xmlns:a16="http://schemas.microsoft.com/office/drawing/2014/main" id="{D86B6603-25D0-4C1F-82A6-276EB76E51D4}"/>
                  </a:ext>
                </a:extLst>
              </p:cNvPr>
              <p:cNvSpPr txBox="1">
                <a:spLocks/>
              </p:cNvSpPr>
              <p:nvPr/>
            </p:nvSpPr>
            <p:spPr>
              <a:xfrm>
                <a:off x="4093134" y="3546468"/>
                <a:ext cx="2057400" cy="457200"/>
              </a:xfrm>
              <a:prstGeom prst="rect">
                <a:avLst/>
              </a:prstGeom>
              <a:noFill/>
            </p:spPr>
            <p:txBody>
              <a:bodyPr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srgbClr val="004578"/>
                    </a:solidFill>
                    <a:effectLst/>
                    <a:uLnTx/>
                    <a:uFillTx/>
                    <a:latin typeface="Calibri" panose="020F0502020204030204"/>
                    <a:ea typeface="+mn-ea"/>
                    <a:cs typeface="+mn-cs"/>
                  </a:rPr>
                  <a:t>Real Estate</a:t>
                </a:r>
              </a:p>
            </p:txBody>
          </p:sp>
          <p:pic>
            <p:nvPicPr>
              <p:cNvPr id="18" name="Picture 17">
                <a:extLst>
                  <a:ext uri="{FF2B5EF4-FFF2-40B4-BE49-F238E27FC236}">
                    <a16:creationId xmlns:a16="http://schemas.microsoft.com/office/drawing/2014/main" id="{6132E9C5-DFD3-4893-8AAB-98933382E0E6}"/>
                  </a:ext>
                </a:extLst>
              </p:cNvPr>
              <p:cNvPicPr>
                <a:picLocks noChangeAspect="1"/>
              </p:cNvPicPr>
              <p:nvPr/>
            </p:nvPicPr>
            <p:blipFill rotWithShape="1">
              <a:blip r:embed="rId8"/>
              <a:srcRect/>
              <a:stretch/>
            </p:blipFill>
            <p:spPr>
              <a:xfrm>
                <a:off x="4436034" y="2141203"/>
                <a:ext cx="1371600" cy="1371600"/>
              </a:xfrm>
              <a:prstGeom prst="rect">
                <a:avLst/>
              </a:prstGeom>
            </p:spPr>
          </p:pic>
        </p:grpSp>
        <p:grpSp>
          <p:nvGrpSpPr>
            <p:cNvPr id="3" name="Group 2">
              <a:extLst>
                <a:ext uri="{FF2B5EF4-FFF2-40B4-BE49-F238E27FC236}">
                  <a16:creationId xmlns:a16="http://schemas.microsoft.com/office/drawing/2014/main" id="{0EAA9C1C-CD1D-4A45-83BF-EE8A1F72110A}"/>
                </a:ext>
              </a:extLst>
            </p:cNvPr>
            <p:cNvGrpSpPr/>
            <p:nvPr/>
          </p:nvGrpSpPr>
          <p:grpSpPr>
            <a:xfrm>
              <a:off x="1575797" y="2435504"/>
              <a:ext cx="2057400" cy="1862465"/>
              <a:chOff x="1575797" y="2141203"/>
              <a:chExt cx="2057400" cy="1862465"/>
            </a:xfrm>
          </p:grpSpPr>
          <p:sp>
            <p:nvSpPr>
              <p:cNvPr id="10" name="TextBox 9">
                <a:extLst>
                  <a:ext uri="{FF2B5EF4-FFF2-40B4-BE49-F238E27FC236}">
                    <a16:creationId xmlns:a16="http://schemas.microsoft.com/office/drawing/2014/main" id="{191D6BA4-FECE-477B-BCCF-5D4D26C0F4FF}"/>
                  </a:ext>
                </a:extLst>
              </p:cNvPr>
              <p:cNvSpPr txBox="1">
                <a:spLocks/>
              </p:cNvSpPr>
              <p:nvPr/>
            </p:nvSpPr>
            <p:spPr>
              <a:xfrm>
                <a:off x="1575797" y="3546468"/>
                <a:ext cx="2057400" cy="457200"/>
              </a:xfrm>
              <a:prstGeom prst="rect">
                <a:avLst/>
              </a:prstGeom>
              <a:noFill/>
            </p:spPr>
            <p:txBody>
              <a:bodyPr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srgbClr val="004578"/>
                    </a:solidFill>
                    <a:effectLst/>
                    <a:uLnTx/>
                    <a:uFillTx/>
                    <a:latin typeface="Calibri" panose="020F0502020204030204"/>
                    <a:ea typeface="+mn-ea"/>
                    <a:cs typeface="+mn-cs"/>
                  </a:rPr>
                  <a:t>Corporations</a:t>
                </a:r>
              </a:p>
            </p:txBody>
          </p:sp>
          <p:pic>
            <p:nvPicPr>
              <p:cNvPr id="19" name="Picture 18">
                <a:extLst>
                  <a:ext uri="{FF2B5EF4-FFF2-40B4-BE49-F238E27FC236}">
                    <a16:creationId xmlns:a16="http://schemas.microsoft.com/office/drawing/2014/main" id="{46DFEC59-F5F9-4923-93C1-A2B25B2FE20B}"/>
                  </a:ext>
                </a:extLst>
              </p:cNvPr>
              <p:cNvPicPr>
                <a:picLocks noChangeAspect="1"/>
              </p:cNvPicPr>
              <p:nvPr/>
            </p:nvPicPr>
            <p:blipFill rotWithShape="1">
              <a:blip r:embed="rId9"/>
              <a:srcRect/>
              <a:stretch/>
            </p:blipFill>
            <p:spPr>
              <a:xfrm>
                <a:off x="1918697" y="2141203"/>
                <a:ext cx="1371600" cy="1371600"/>
              </a:xfrm>
              <a:prstGeom prst="rect">
                <a:avLst/>
              </a:prstGeom>
            </p:spPr>
          </p:pic>
        </p:grpSp>
      </p:grpSp>
      <p:grpSp>
        <p:nvGrpSpPr>
          <p:cNvPr id="35" name="Group 34">
            <a:extLst>
              <a:ext uri="{FF2B5EF4-FFF2-40B4-BE49-F238E27FC236}">
                <a16:creationId xmlns:a16="http://schemas.microsoft.com/office/drawing/2014/main" id="{AD6D652E-B76B-434E-A3A4-B5C2B9104525}"/>
              </a:ext>
            </a:extLst>
          </p:cNvPr>
          <p:cNvGrpSpPr/>
          <p:nvPr/>
        </p:nvGrpSpPr>
        <p:grpSpPr>
          <a:xfrm>
            <a:off x="7313645" y="2901674"/>
            <a:ext cx="3316068" cy="2912491"/>
            <a:chOff x="7120294" y="2901674"/>
            <a:chExt cx="3316068" cy="2912491"/>
          </a:xfrm>
        </p:grpSpPr>
        <p:sp>
          <p:nvSpPr>
            <p:cNvPr id="6" name="Content Placeholder 7">
              <a:extLst>
                <a:ext uri="{FF2B5EF4-FFF2-40B4-BE49-F238E27FC236}">
                  <a16:creationId xmlns:a16="http://schemas.microsoft.com/office/drawing/2014/main" id="{88BBE047-39A3-4E88-A182-5CFC15182F90}"/>
                </a:ext>
              </a:extLst>
            </p:cNvPr>
            <p:cNvSpPr txBox="1">
              <a:spLocks/>
            </p:cNvSpPr>
            <p:nvPr/>
          </p:nvSpPr>
          <p:spPr>
            <a:xfrm>
              <a:off x="7693162" y="2901674"/>
              <a:ext cx="2743200" cy="457200"/>
            </a:xfrm>
            <a:prstGeom prst="rect">
              <a:avLst/>
            </a:prstGeom>
          </p:spPr>
          <p:txBody>
            <a:bodyPr vert="horz" lIns="0" tIns="0" rIns="0" bIns="0" rtlCol="0" anchor="ctr">
              <a:normAutofit/>
            </a:bodyPr>
            <a:lstStyle>
              <a:lvl1pPr marL="174625" indent="-168275" algn="l" defTabSz="914400" rtl="0" eaLnBrk="1" latinLnBrk="0" hangingPunct="1">
                <a:lnSpc>
                  <a:spcPct val="110000"/>
                </a:lnSpc>
                <a:spcBef>
                  <a:spcPts val="0"/>
                </a:spcBef>
                <a:spcAft>
                  <a:spcPts val="400"/>
                </a:spcAft>
                <a:buFont typeface="Arial" panose="020B0604020202020204" pitchFamily="34" charset="0"/>
                <a:buChar char="•"/>
                <a:tabLst/>
                <a:defRPr sz="1400" kern="1200">
                  <a:solidFill>
                    <a:schemeClr val="tx1"/>
                  </a:solidFill>
                  <a:latin typeface="+mn-lt"/>
                  <a:ea typeface="+mn-ea"/>
                  <a:cs typeface="+mn-cs"/>
                </a:defRPr>
              </a:lvl1pPr>
              <a:lvl2pPr marL="344488" indent="-169863" algn="l" defTabSz="914400" rtl="0" eaLnBrk="1" latinLnBrk="0" hangingPunct="1">
                <a:lnSpc>
                  <a:spcPct val="110000"/>
                </a:lnSpc>
                <a:spcBef>
                  <a:spcPts val="0"/>
                </a:spcBef>
                <a:spcAft>
                  <a:spcPts val="400"/>
                </a:spcAft>
                <a:buFont typeface="Arial" panose="020B0604020202020204" pitchFamily="34" charset="0"/>
                <a:buChar char="•"/>
                <a:tabLst/>
                <a:defRPr sz="1200" kern="1200">
                  <a:solidFill>
                    <a:schemeClr val="tx1"/>
                  </a:solidFill>
                  <a:latin typeface="+mn-lt"/>
                  <a:ea typeface="+mn-ea"/>
                  <a:cs typeface="+mn-cs"/>
                </a:defRPr>
              </a:lvl2pPr>
              <a:lvl3pPr marL="519113" indent="-174625" algn="l" defTabSz="914400" rtl="0" eaLnBrk="1" latinLnBrk="0" hangingPunct="1">
                <a:lnSpc>
                  <a:spcPct val="110000"/>
                </a:lnSpc>
                <a:spcBef>
                  <a:spcPts val="0"/>
                </a:spcBef>
                <a:spcAft>
                  <a:spcPts val="400"/>
                </a:spcAft>
                <a:buFont typeface="Arial" panose="020B0604020202020204" pitchFamily="34" charset="0"/>
                <a:buChar char="•"/>
                <a:tabLst/>
                <a:defRPr sz="1200" kern="1200">
                  <a:solidFill>
                    <a:schemeClr val="tx1"/>
                  </a:solidFill>
                  <a:latin typeface="+mn-lt"/>
                  <a:ea typeface="+mn-ea"/>
                  <a:cs typeface="+mn-cs"/>
                </a:defRPr>
              </a:lvl3pPr>
              <a:lvl4pPr marL="688975" indent="-169863"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4pPr>
              <a:lvl5pPr marL="858838" indent="-168275"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6350" marR="0" lvl="0" indent="0" algn="l" defTabSz="914400" rtl="0" eaLnBrk="1" fontAlgn="auto" latinLnBrk="0" hangingPunct="1">
                <a:lnSpc>
                  <a:spcPct val="110000"/>
                </a:lnSpc>
                <a:spcBef>
                  <a:spcPts val="0"/>
                </a:spcBef>
                <a:spcAft>
                  <a:spcPts val="400"/>
                </a:spcAft>
                <a:buClrTx/>
                <a:buSzTx/>
                <a:buFont typeface="Arial" panose="020B0604020202020204" pitchFamily="34" charset="0"/>
                <a:buNone/>
                <a:tabLst/>
                <a:defRPr/>
              </a:pPr>
              <a:r>
                <a:rPr kumimoji="0" lang="en-US" sz="1400" b="1" i="0" u="none" strike="noStrike" kern="1200" cap="none" spc="0" normalizeH="0" baseline="0" noProof="0">
                  <a:ln>
                    <a:noFill/>
                  </a:ln>
                  <a:solidFill>
                    <a:srgbClr val="1F2322"/>
                  </a:solidFill>
                  <a:effectLst/>
                  <a:uLnTx/>
                  <a:uFillTx/>
                  <a:latin typeface="Calibri" panose="020F0502020204030204"/>
                  <a:ea typeface="+mn-ea"/>
                  <a:cs typeface="+mn-cs"/>
                </a:rPr>
                <a:t>3,000+</a:t>
              </a: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 clients globally</a:t>
              </a:r>
            </a:p>
          </p:txBody>
        </p:sp>
        <p:sp>
          <p:nvSpPr>
            <p:cNvPr id="7" name="Content Placeholder 7">
              <a:extLst>
                <a:ext uri="{FF2B5EF4-FFF2-40B4-BE49-F238E27FC236}">
                  <a16:creationId xmlns:a16="http://schemas.microsoft.com/office/drawing/2014/main" id="{EA7C7AFD-3608-4467-A5A1-A3D889E6D161}"/>
                </a:ext>
              </a:extLst>
            </p:cNvPr>
            <p:cNvSpPr txBox="1">
              <a:spLocks/>
            </p:cNvSpPr>
            <p:nvPr/>
          </p:nvSpPr>
          <p:spPr>
            <a:xfrm>
              <a:off x="7693162" y="5356965"/>
              <a:ext cx="2743200" cy="457200"/>
            </a:xfrm>
            <a:prstGeom prst="rect">
              <a:avLst/>
            </a:prstGeom>
          </p:spPr>
          <p:txBody>
            <a:bodyPr vert="horz" lIns="0" tIns="0" rIns="0" bIns="0" rtlCol="0" anchor="ctr">
              <a:normAutofit/>
            </a:bodyPr>
            <a:lstStyle>
              <a:lvl1pPr marL="174625" indent="-168275" algn="l" defTabSz="914400" rtl="0" eaLnBrk="1" latinLnBrk="0" hangingPunct="1">
                <a:lnSpc>
                  <a:spcPct val="110000"/>
                </a:lnSpc>
                <a:spcBef>
                  <a:spcPts val="0"/>
                </a:spcBef>
                <a:spcAft>
                  <a:spcPts val="400"/>
                </a:spcAft>
                <a:buFont typeface="Arial" panose="020B0604020202020204" pitchFamily="34" charset="0"/>
                <a:buChar char="•"/>
                <a:tabLst/>
                <a:defRPr sz="1400" kern="1200">
                  <a:solidFill>
                    <a:schemeClr val="tx1"/>
                  </a:solidFill>
                  <a:latin typeface="+mn-lt"/>
                  <a:ea typeface="+mn-ea"/>
                  <a:cs typeface="+mn-cs"/>
                </a:defRPr>
              </a:lvl1pPr>
              <a:lvl2pPr marL="344488" indent="-169863" algn="l" defTabSz="914400" rtl="0" eaLnBrk="1" latinLnBrk="0" hangingPunct="1">
                <a:lnSpc>
                  <a:spcPct val="110000"/>
                </a:lnSpc>
                <a:spcBef>
                  <a:spcPts val="0"/>
                </a:spcBef>
                <a:spcAft>
                  <a:spcPts val="400"/>
                </a:spcAft>
                <a:buFont typeface="Arial" panose="020B0604020202020204" pitchFamily="34" charset="0"/>
                <a:buChar char="•"/>
                <a:tabLst/>
                <a:defRPr sz="1200" kern="1200">
                  <a:solidFill>
                    <a:schemeClr val="tx1"/>
                  </a:solidFill>
                  <a:latin typeface="+mn-lt"/>
                  <a:ea typeface="+mn-ea"/>
                  <a:cs typeface="+mn-cs"/>
                </a:defRPr>
              </a:lvl2pPr>
              <a:lvl3pPr marL="519113" indent="-174625" algn="l" defTabSz="914400" rtl="0" eaLnBrk="1" latinLnBrk="0" hangingPunct="1">
                <a:lnSpc>
                  <a:spcPct val="110000"/>
                </a:lnSpc>
                <a:spcBef>
                  <a:spcPts val="0"/>
                </a:spcBef>
                <a:spcAft>
                  <a:spcPts val="400"/>
                </a:spcAft>
                <a:buFont typeface="Arial" panose="020B0604020202020204" pitchFamily="34" charset="0"/>
                <a:buChar char="•"/>
                <a:tabLst/>
                <a:defRPr sz="1200" kern="1200">
                  <a:solidFill>
                    <a:schemeClr val="tx1"/>
                  </a:solidFill>
                  <a:latin typeface="+mn-lt"/>
                  <a:ea typeface="+mn-ea"/>
                  <a:cs typeface="+mn-cs"/>
                </a:defRPr>
              </a:lvl3pPr>
              <a:lvl4pPr marL="688975" indent="-169863"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4pPr>
              <a:lvl5pPr marL="858838" indent="-168275"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6350" marR="0" lvl="0" indent="0" algn="l" defTabSz="914400" rtl="0" eaLnBrk="1" fontAlgn="auto" latinLnBrk="0" hangingPunct="1">
                <a:lnSpc>
                  <a:spcPct val="110000"/>
                </a:lnSpc>
                <a:spcBef>
                  <a:spcPts val="0"/>
                </a:spcBef>
                <a:spcAft>
                  <a:spcPts val="400"/>
                </a:spcAft>
                <a:buClrTx/>
                <a:buSzTx/>
                <a:buFont typeface="Arial" panose="020B0604020202020204" pitchFamily="34" charset="0"/>
                <a:buNone/>
                <a:tabLst/>
                <a:defRPr/>
              </a:pPr>
              <a:r>
                <a:rPr kumimoji="0" lang="en-US" sz="1400" b="1" i="0" u="none" strike="noStrike" kern="1200" cap="none" spc="0" normalizeH="0" baseline="0" noProof="0">
                  <a:ln>
                    <a:noFill/>
                  </a:ln>
                  <a:solidFill>
                    <a:srgbClr val="1F2322"/>
                  </a:solidFill>
                  <a:effectLst/>
                  <a:uLnTx/>
                  <a:uFillTx/>
                  <a:latin typeface="Calibri" panose="020F0502020204030204"/>
                  <a:ea typeface="+mn-ea"/>
                  <a:cs typeface="+mn-cs"/>
                </a:rPr>
                <a:t>7 </a:t>
              </a: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global offices</a:t>
              </a:r>
            </a:p>
          </p:txBody>
        </p:sp>
        <p:sp>
          <p:nvSpPr>
            <p:cNvPr id="8" name="Content Placeholder 7">
              <a:extLst>
                <a:ext uri="{FF2B5EF4-FFF2-40B4-BE49-F238E27FC236}">
                  <a16:creationId xmlns:a16="http://schemas.microsoft.com/office/drawing/2014/main" id="{FCE479D9-AADA-43A6-9B39-9CF050FD16AB}"/>
                </a:ext>
              </a:extLst>
            </p:cNvPr>
            <p:cNvSpPr txBox="1">
              <a:spLocks/>
            </p:cNvSpPr>
            <p:nvPr/>
          </p:nvSpPr>
          <p:spPr>
            <a:xfrm>
              <a:off x="7693162" y="4538534"/>
              <a:ext cx="2743200" cy="457200"/>
            </a:xfrm>
            <a:prstGeom prst="rect">
              <a:avLst/>
            </a:prstGeom>
          </p:spPr>
          <p:txBody>
            <a:bodyPr vert="horz" lIns="0" tIns="0" rIns="0" bIns="0" rtlCol="0" anchor="ctr">
              <a:normAutofit/>
            </a:bodyPr>
            <a:lstStyle>
              <a:lvl1pPr marL="174625" indent="-168275" algn="l" defTabSz="914400" rtl="0" eaLnBrk="1" latinLnBrk="0" hangingPunct="1">
                <a:lnSpc>
                  <a:spcPct val="110000"/>
                </a:lnSpc>
                <a:spcBef>
                  <a:spcPts val="0"/>
                </a:spcBef>
                <a:spcAft>
                  <a:spcPts val="400"/>
                </a:spcAft>
                <a:buFont typeface="Arial" panose="020B0604020202020204" pitchFamily="34" charset="0"/>
                <a:buChar char="•"/>
                <a:tabLst/>
                <a:defRPr sz="1400" kern="1200">
                  <a:solidFill>
                    <a:schemeClr val="tx1"/>
                  </a:solidFill>
                  <a:latin typeface="+mn-lt"/>
                  <a:ea typeface="+mn-ea"/>
                  <a:cs typeface="+mn-cs"/>
                </a:defRPr>
              </a:lvl1pPr>
              <a:lvl2pPr marL="344488" indent="-169863" algn="l" defTabSz="914400" rtl="0" eaLnBrk="1" latinLnBrk="0" hangingPunct="1">
                <a:lnSpc>
                  <a:spcPct val="110000"/>
                </a:lnSpc>
                <a:spcBef>
                  <a:spcPts val="0"/>
                </a:spcBef>
                <a:spcAft>
                  <a:spcPts val="400"/>
                </a:spcAft>
                <a:buFont typeface="Arial" panose="020B0604020202020204" pitchFamily="34" charset="0"/>
                <a:buChar char="•"/>
                <a:tabLst/>
                <a:defRPr sz="1200" kern="1200">
                  <a:solidFill>
                    <a:schemeClr val="tx1"/>
                  </a:solidFill>
                  <a:latin typeface="+mn-lt"/>
                  <a:ea typeface="+mn-ea"/>
                  <a:cs typeface="+mn-cs"/>
                </a:defRPr>
              </a:lvl2pPr>
              <a:lvl3pPr marL="519113" indent="-174625" algn="l" defTabSz="914400" rtl="0" eaLnBrk="1" latinLnBrk="0" hangingPunct="1">
                <a:lnSpc>
                  <a:spcPct val="110000"/>
                </a:lnSpc>
                <a:spcBef>
                  <a:spcPts val="0"/>
                </a:spcBef>
                <a:spcAft>
                  <a:spcPts val="400"/>
                </a:spcAft>
                <a:buFont typeface="Arial" panose="020B0604020202020204" pitchFamily="34" charset="0"/>
                <a:buChar char="•"/>
                <a:tabLst/>
                <a:defRPr sz="1200" kern="1200">
                  <a:solidFill>
                    <a:schemeClr val="tx1"/>
                  </a:solidFill>
                  <a:latin typeface="+mn-lt"/>
                  <a:ea typeface="+mn-ea"/>
                  <a:cs typeface="+mn-cs"/>
                </a:defRPr>
              </a:lvl3pPr>
              <a:lvl4pPr marL="688975" indent="-169863"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4pPr>
              <a:lvl5pPr marL="858838" indent="-168275"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6350" marR="0" lvl="0" indent="0" algn="l" defTabSz="914400" rtl="0" eaLnBrk="1" fontAlgn="auto" latinLnBrk="0" hangingPunct="1">
                <a:lnSpc>
                  <a:spcPct val="110000"/>
                </a:lnSpc>
                <a:spcBef>
                  <a:spcPts val="0"/>
                </a:spcBef>
                <a:spcAft>
                  <a:spcPts val="400"/>
                </a:spcAft>
                <a:buClrTx/>
                <a:buSzTx/>
                <a:buFont typeface="Arial" panose="020B0604020202020204" pitchFamily="34" charset="0"/>
                <a:buNone/>
                <a:tabLst/>
                <a:defRPr/>
              </a:pP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Over</a:t>
              </a:r>
              <a:r>
                <a:rPr kumimoji="0" lang="en-US" sz="1400" b="1" i="0" u="none" strike="noStrike" kern="1200" cap="none" spc="0" normalizeH="0" baseline="0" noProof="0">
                  <a:ln>
                    <a:noFill/>
                  </a:ln>
                  <a:solidFill>
                    <a:srgbClr val="1F2322"/>
                  </a:solidFill>
                  <a:effectLst/>
                  <a:uLnTx/>
                  <a:uFillTx/>
                  <a:latin typeface="Calibri" panose="020F0502020204030204"/>
                  <a:ea typeface="+mn-ea"/>
                  <a:cs typeface="+mn-cs"/>
                </a:rPr>
                <a:t> 600 </a:t>
              </a: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employees </a:t>
              </a:r>
            </a:p>
          </p:txBody>
        </p:sp>
        <p:sp>
          <p:nvSpPr>
            <p:cNvPr id="9" name="Content Placeholder 7">
              <a:extLst>
                <a:ext uri="{FF2B5EF4-FFF2-40B4-BE49-F238E27FC236}">
                  <a16:creationId xmlns:a16="http://schemas.microsoft.com/office/drawing/2014/main" id="{D44F08A5-CD21-4CC9-A764-5AF7AE6A3516}"/>
                </a:ext>
              </a:extLst>
            </p:cNvPr>
            <p:cNvSpPr txBox="1">
              <a:spLocks/>
            </p:cNvSpPr>
            <p:nvPr/>
          </p:nvSpPr>
          <p:spPr>
            <a:xfrm>
              <a:off x="7693162" y="3720104"/>
              <a:ext cx="2743200" cy="457200"/>
            </a:xfrm>
            <a:prstGeom prst="rect">
              <a:avLst/>
            </a:prstGeom>
          </p:spPr>
          <p:txBody>
            <a:bodyPr vert="horz" lIns="0" tIns="0" rIns="0" bIns="0" rtlCol="0" anchor="ctr">
              <a:noAutofit/>
            </a:bodyPr>
            <a:lstStyle>
              <a:lvl1pPr marL="174625" indent="-168275" algn="l" defTabSz="914400" rtl="0" eaLnBrk="1" latinLnBrk="0" hangingPunct="1">
                <a:lnSpc>
                  <a:spcPct val="110000"/>
                </a:lnSpc>
                <a:spcBef>
                  <a:spcPts val="0"/>
                </a:spcBef>
                <a:spcAft>
                  <a:spcPts val="400"/>
                </a:spcAft>
                <a:buFont typeface="Arial" panose="020B0604020202020204" pitchFamily="34" charset="0"/>
                <a:buChar char="•"/>
                <a:tabLst/>
                <a:defRPr sz="1400" kern="1200">
                  <a:solidFill>
                    <a:schemeClr val="tx1"/>
                  </a:solidFill>
                  <a:latin typeface="+mn-lt"/>
                  <a:ea typeface="+mn-ea"/>
                  <a:cs typeface="+mn-cs"/>
                </a:defRPr>
              </a:lvl1pPr>
              <a:lvl2pPr marL="344488" indent="-169863" algn="l" defTabSz="914400" rtl="0" eaLnBrk="1" latinLnBrk="0" hangingPunct="1">
                <a:lnSpc>
                  <a:spcPct val="110000"/>
                </a:lnSpc>
                <a:spcBef>
                  <a:spcPts val="0"/>
                </a:spcBef>
                <a:spcAft>
                  <a:spcPts val="400"/>
                </a:spcAft>
                <a:buFont typeface="Arial" panose="020B0604020202020204" pitchFamily="34" charset="0"/>
                <a:buChar char="•"/>
                <a:tabLst/>
                <a:defRPr sz="1200" kern="1200">
                  <a:solidFill>
                    <a:schemeClr val="tx1"/>
                  </a:solidFill>
                  <a:latin typeface="+mn-lt"/>
                  <a:ea typeface="+mn-ea"/>
                  <a:cs typeface="+mn-cs"/>
                </a:defRPr>
              </a:lvl2pPr>
              <a:lvl3pPr marL="519113" indent="-174625" algn="l" defTabSz="914400" rtl="0" eaLnBrk="1" latinLnBrk="0" hangingPunct="1">
                <a:lnSpc>
                  <a:spcPct val="110000"/>
                </a:lnSpc>
                <a:spcBef>
                  <a:spcPts val="0"/>
                </a:spcBef>
                <a:spcAft>
                  <a:spcPts val="400"/>
                </a:spcAft>
                <a:buFont typeface="Arial" panose="020B0604020202020204" pitchFamily="34" charset="0"/>
                <a:buChar char="•"/>
                <a:tabLst/>
                <a:defRPr sz="1200" kern="1200">
                  <a:solidFill>
                    <a:schemeClr val="tx1"/>
                  </a:solidFill>
                  <a:latin typeface="+mn-lt"/>
                  <a:ea typeface="+mn-ea"/>
                  <a:cs typeface="+mn-cs"/>
                </a:defRPr>
              </a:lvl3pPr>
              <a:lvl4pPr marL="688975" indent="-169863"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4pPr>
              <a:lvl5pPr marL="858838" indent="-168275"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6350" marR="0" lvl="0" indent="0" algn="l" defTabSz="914400" rtl="0" eaLnBrk="1" fontAlgn="auto" latinLnBrk="0" hangingPunct="1">
                <a:lnSpc>
                  <a:spcPct val="110000"/>
                </a:lnSpc>
                <a:spcBef>
                  <a:spcPts val="0"/>
                </a:spcBef>
                <a:spcAft>
                  <a:spcPts val="400"/>
                </a:spcAft>
                <a:buClrTx/>
                <a:buSzTx/>
                <a:buFont typeface="Arial" panose="020B0604020202020204" pitchFamily="34" charset="0"/>
                <a:buNone/>
                <a:tabLst/>
                <a:defRPr/>
              </a:pP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More than </a:t>
              </a:r>
              <a:r>
                <a:rPr kumimoji="0" lang="en-US" sz="1400" b="1" i="0" u="none" strike="noStrike" kern="1200" cap="none" spc="0" normalizeH="0" baseline="0" noProof="0">
                  <a:ln>
                    <a:noFill/>
                  </a:ln>
                  <a:solidFill>
                    <a:srgbClr val="1F2322"/>
                  </a:solidFill>
                  <a:effectLst/>
                  <a:uLnTx/>
                  <a:uFillTx/>
                  <a:latin typeface="Calibri" panose="020F0502020204030204"/>
                  <a:ea typeface="+mn-ea"/>
                  <a:cs typeface="+mn-cs"/>
                </a:rPr>
                <a:t>$6.6 trillion </a:t>
              </a: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hedged notional since 1991</a:t>
              </a:r>
            </a:p>
          </p:txBody>
        </p:sp>
        <p:pic>
          <p:nvPicPr>
            <p:cNvPr id="21" name="Picture 20">
              <a:extLst>
                <a:ext uri="{FF2B5EF4-FFF2-40B4-BE49-F238E27FC236}">
                  <a16:creationId xmlns:a16="http://schemas.microsoft.com/office/drawing/2014/main" id="{224E8A93-027E-44B2-AF2E-73E6444441D6}"/>
                </a:ext>
              </a:extLst>
            </p:cNvPr>
            <p:cNvPicPr>
              <a:picLocks/>
            </p:cNvPicPr>
            <p:nvPr/>
          </p:nvPicPr>
          <p:blipFill rotWithShape="1">
            <a:blip r:embed="rId10" cstate="hqprint">
              <a:extLst>
                <a:ext uri="{28A0092B-C50C-407E-A947-70E740481C1C}">
                  <a14:useLocalDpi xmlns:a14="http://schemas.microsoft.com/office/drawing/2010/main"/>
                </a:ext>
              </a:extLst>
            </a:blip>
            <a:srcRect/>
            <a:stretch/>
          </p:blipFill>
          <p:spPr>
            <a:xfrm>
              <a:off x="7123082" y="3720104"/>
              <a:ext cx="228600" cy="457200"/>
            </a:xfrm>
            <a:prstGeom prst="rect">
              <a:avLst/>
            </a:prstGeom>
          </p:spPr>
        </p:pic>
        <p:pic>
          <p:nvPicPr>
            <p:cNvPr id="32" name="Picture 31">
              <a:extLst>
                <a:ext uri="{FF2B5EF4-FFF2-40B4-BE49-F238E27FC236}">
                  <a16:creationId xmlns:a16="http://schemas.microsoft.com/office/drawing/2014/main" id="{51795680-58A6-4390-913C-85E20A018D36}"/>
                </a:ext>
              </a:extLst>
            </p:cNvPr>
            <p:cNvPicPr>
              <a:picLocks/>
            </p:cNvPicPr>
            <p:nvPr/>
          </p:nvPicPr>
          <p:blipFill rotWithShape="1">
            <a:blip r:embed="rId10" cstate="hqprint">
              <a:extLst>
                <a:ext uri="{28A0092B-C50C-407E-A947-70E740481C1C}">
                  <a14:useLocalDpi xmlns:a14="http://schemas.microsoft.com/office/drawing/2010/main"/>
                </a:ext>
              </a:extLst>
            </a:blip>
            <a:srcRect/>
            <a:stretch/>
          </p:blipFill>
          <p:spPr>
            <a:xfrm>
              <a:off x="7124476" y="5356965"/>
              <a:ext cx="228600" cy="457200"/>
            </a:xfrm>
            <a:prstGeom prst="rect">
              <a:avLst/>
            </a:prstGeom>
          </p:spPr>
        </p:pic>
        <p:pic>
          <p:nvPicPr>
            <p:cNvPr id="33" name="Picture 32">
              <a:extLst>
                <a:ext uri="{FF2B5EF4-FFF2-40B4-BE49-F238E27FC236}">
                  <a16:creationId xmlns:a16="http://schemas.microsoft.com/office/drawing/2014/main" id="{E876F9BE-3CA1-4EF8-AAA3-97D1006189CC}"/>
                </a:ext>
              </a:extLst>
            </p:cNvPr>
            <p:cNvPicPr>
              <a:picLocks/>
            </p:cNvPicPr>
            <p:nvPr/>
          </p:nvPicPr>
          <p:blipFill rotWithShape="1">
            <a:blip r:embed="rId10" cstate="hqprint">
              <a:extLst>
                <a:ext uri="{28A0092B-C50C-407E-A947-70E740481C1C}">
                  <a14:useLocalDpi xmlns:a14="http://schemas.microsoft.com/office/drawing/2010/main"/>
                </a:ext>
              </a:extLst>
            </a:blip>
            <a:srcRect/>
            <a:stretch/>
          </p:blipFill>
          <p:spPr>
            <a:xfrm>
              <a:off x="7124476" y="4538534"/>
              <a:ext cx="228600" cy="457200"/>
            </a:xfrm>
            <a:prstGeom prst="rect">
              <a:avLst/>
            </a:prstGeom>
          </p:spPr>
        </p:pic>
        <p:pic>
          <p:nvPicPr>
            <p:cNvPr id="34" name="Picture 33">
              <a:extLst>
                <a:ext uri="{FF2B5EF4-FFF2-40B4-BE49-F238E27FC236}">
                  <a16:creationId xmlns:a16="http://schemas.microsoft.com/office/drawing/2014/main" id="{4D565D0E-838E-4141-A400-A1533D40A458}"/>
                </a:ext>
              </a:extLst>
            </p:cNvPr>
            <p:cNvPicPr>
              <a:picLocks/>
            </p:cNvPicPr>
            <p:nvPr/>
          </p:nvPicPr>
          <p:blipFill rotWithShape="1">
            <a:blip r:embed="rId10" cstate="hqprint">
              <a:extLst>
                <a:ext uri="{28A0092B-C50C-407E-A947-70E740481C1C}">
                  <a14:useLocalDpi xmlns:a14="http://schemas.microsoft.com/office/drawing/2010/main"/>
                </a:ext>
              </a:extLst>
            </a:blip>
            <a:srcRect/>
            <a:stretch/>
          </p:blipFill>
          <p:spPr>
            <a:xfrm>
              <a:off x="7120294" y="2901674"/>
              <a:ext cx="228600" cy="457200"/>
            </a:xfrm>
            <a:prstGeom prst="rect">
              <a:avLst/>
            </a:prstGeom>
          </p:spPr>
        </p:pic>
      </p:grpSp>
      <p:sp>
        <p:nvSpPr>
          <p:cNvPr id="36" name="Content Placeholder 2">
            <a:extLst>
              <a:ext uri="{FF2B5EF4-FFF2-40B4-BE49-F238E27FC236}">
                <a16:creationId xmlns:a16="http://schemas.microsoft.com/office/drawing/2014/main" id="{3DD9749D-5F71-4B41-8E34-60F1CB83EA40}"/>
              </a:ext>
            </a:extLst>
          </p:cNvPr>
          <p:cNvSpPr txBox="1">
            <a:spLocks/>
          </p:cNvSpPr>
          <p:nvPr/>
        </p:nvSpPr>
        <p:spPr>
          <a:xfrm>
            <a:off x="761999" y="1404960"/>
            <a:ext cx="10506611" cy="640080"/>
          </a:xfrm>
          <a:prstGeom prst="rect">
            <a:avLst/>
          </a:prstGeom>
        </p:spPr>
        <p:txBody>
          <a:bodyPr vert="horz" lIns="0" tIns="0" rIns="0" bIns="0" rtlCol="0" anchor="ctr">
            <a:normAutofit/>
          </a:bodyPr>
          <a:lstStyle>
            <a:lvl1pPr marL="6350" indent="0" algn="l" defTabSz="914400" rtl="0" eaLnBrk="1" latinLnBrk="0" hangingPunct="1">
              <a:lnSpc>
                <a:spcPct val="110000"/>
              </a:lnSpc>
              <a:spcBef>
                <a:spcPts val="0"/>
              </a:spcBef>
              <a:spcAft>
                <a:spcPts val="400"/>
              </a:spcAft>
              <a:buFont typeface="Arial" panose="020B0604020202020204" pitchFamily="34" charset="0"/>
              <a:buNone/>
              <a:tabLst/>
              <a:defRPr sz="1400" kern="1200">
                <a:solidFill>
                  <a:schemeClr val="tx1"/>
                </a:solidFill>
                <a:latin typeface="+mn-lt"/>
                <a:ea typeface="+mn-ea"/>
                <a:cs typeface="+mn-cs"/>
              </a:defRPr>
            </a:lvl1pPr>
            <a:lvl2pPr marL="344488" indent="-169863" algn="l" defTabSz="914400" rtl="0" eaLnBrk="1" latinLnBrk="0" hangingPunct="1">
              <a:lnSpc>
                <a:spcPct val="110000"/>
              </a:lnSpc>
              <a:spcBef>
                <a:spcPts val="0"/>
              </a:spcBef>
              <a:spcAft>
                <a:spcPts val="400"/>
              </a:spcAft>
              <a:buFont typeface="Courier New" panose="02070309020205020404" pitchFamily="49" charset="0"/>
              <a:buChar char="o"/>
              <a:tabLst/>
              <a:defRPr sz="1200" kern="1200">
                <a:solidFill>
                  <a:schemeClr val="tx1"/>
                </a:solidFill>
                <a:latin typeface="+mn-lt"/>
                <a:ea typeface="+mn-ea"/>
                <a:cs typeface="+mn-cs"/>
              </a:defRPr>
            </a:lvl2pPr>
            <a:lvl3pPr marL="519113" indent="-174625" algn="l" defTabSz="914400" rtl="0" eaLnBrk="1" latinLnBrk="0" hangingPunct="1">
              <a:lnSpc>
                <a:spcPct val="110000"/>
              </a:lnSpc>
              <a:spcBef>
                <a:spcPts val="0"/>
              </a:spcBef>
              <a:spcAft>
                <a:spcPts val="400"/>
              </a:spcAft>
              <a:buFont typeface="Calibri" panose="020F0502020204030204" pitchFamily="34" charset="0"/>
              <a:buChar char="–"/>
              <a:tabLst/>
              <a:defRPr sz="1200" kern="1200">
                <a:solidFill>
                  <a:schemeClr val="tx1"/>
                </a:solidFill>
                <a:latin typeface="+mn-lt"/>
                <a:ea typeface="+mn-ea"/>
                <a:cs typeface="+mn-cs"/>
              </a:defRPr>
            </a:lvl3pPr>
            <a:lvl4pPr marL="688975" indent="-169863"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4pPr>
            <a:lvl5pPr marL="858838" indent="-168275" algn="l" defTabSz="914400" rtl="0" eaLnBrk="1" latinLnBrk="0" hangingPunct="1">
              <a:lnSpc>
                <a:spcPct val="110000"/>
              </a:lnSpc>
              <a:spcBef>
                <a:spcPts val="0"/>
              </a:spcBef>
              <a:spcAft>
                <a:spcPts val="400"/>
              </a:spcAft>
              <a:buFont typeface="Courier New" panose="02070309020205020404" pitchFamily="49" charset="0"/>
              <a:buChar char="o"/>
              <a:tabLst/>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4762">
              <a:spcAft>
                <a:spcPts val="1200"/>
              </a:spcAft>
            </a:pPr>
            <a:r>
              <a:rPr lang="en-US" sz="1600"/>
              <a:t>Chatham Financial delivers financial risk management advisory and technology solutions to organizations across industries and around the world — helping companies maximize value in the capital markets.</a:t>
            </a:r>
          </a:p>
        </p:txBody>
      </p:sp>
    </p:spTree>
    <p:custDataLst>
      <p:custData r:id="rId1"/>
      <p:custData r:id="rId2"/>
      <p:tags r:id="rId3"/>
    </p:custDataLst>
    <p:extLst>
      <p:ext uri="{BB962C8B-B14F-4D97-AF65-F5344CB8AC3E}">
        <p14:creationId xmlns:p14="http://schemas.microsoft.com/office/powerpoint/2010/main" val="220185569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A50D87-8452-4FF9-89BF-3F4128060C23}"/>
              </a:ext>
            </a:extLst>
          </p:cNvPr>
          <p:cNvSpPr>
            <a:spLocks noGrp="1"/>
          </p:cNvSpPr>
          <p:nvPr>
            <p:ph type="title"/>
          </p:nvPr>
        </p:nvSpPr>
        <p:spPr/>
        <p:txBody>
          <a:bodyPr/>
          <a:lstStyle/>
          <a:p>
            <a:r>
              <a:rPr lang="en-US"/>
              <a:t>Access advantage</a:t>
            </a:r>
          </a:p>
        </p:txBody>
      </p:sp>
      <p:sp>
        <p:nvSpPr>
          <p:cNvPr id="4" name="Text Placeholder 3">
            <a:extLst>
              <a:ext uri="{FF2B5EF4-FFF2-40B4-BE49-F238E27FC236}">
                <a16:creationId xmlns:a16="http://schemas.microsoft.com/office/drawing/2014/main" id="{F8DA2FF7-9F2F-4580-9F5B-4BAA6CD0EDEC}"/>
              </a:ext>
            </a:extLst>
          </p:cNvPr>
          <p:cNvSpPr>
            <a:spLocks noGrp="1"/>
          </p:cNvSpPr>
          <p:nvPr>
            <p:ph type="body" sz="quarter" idx="11"/>
          </p:nvPr>
        </p:nvSpPr>
        <p:spPr/>
        <p:txBody>
          <a:bodyPr/>
          <a:lstStyle/>
          <a:p>
            <a:r>
              <a:rPr lang="en-US"/>
              <a:t>Integrated advisory, operations, and technology for financial risk</a:t>
            </a:r>
          </a:p>
        </p:txBody>
      </p:sp>
      <p:sp>
        <p:nvSpPr>
          <p:cNvPr id="5" name="Content Placeholder 2">
            <a:extLst>
              <a:ext uri="{FF2B5EF4-FFF2-40B4-BE49-F238E27FC236}">
                <a16:creationId xmlns:a16="http://schemas.microsoft.com/office/drawing/2014/main" id="{100C1602-FBD4-4638-B63B-FB873897CEE7}"/>
              </a:ext>
            </a:extLst>
          </p:cNvPr>
          <p:cNvSpPr>
            <a:spLocks noGrp="1"/>
          </p:cNvSpPr>
          <p:nvPr>
            <p:ph idx="1"/>
          </p:nvPr>
        </p:nvSpPr>
        <p:spPr>
          <a:xfrm>
            <a:off x="761999" y="1404960"/>
            <a:ext cx="10506611" cy="640080"/>
          </a:xfrm>
        </p:spPr>
        <p:txBody>
          <a:bodyPr anchor="ctr">
            <a:normAutofit/>
          </a:bodyPr>
          <a:lstStyle/>
          <a:p>
            <a:pPr marL="4762" indent="0">
              <a:spcAft>
                <a:spcPts val="1200"/>
              </a:spcAft>
              <a:buNone/>
            </a:pPr>
            <a:r>
              <a:rPr lang="en-US" sz="1600"/>
              <a:t>Partnership that propels you forward - Chatham partners with your team, leveraging a unique mix of advisory, operational capabilities and technology so you can manage risk better and take advantage of opportunities.</a:t>
            </a:r>
          </a:p>
        </p:txBody>
      </p:sp>
      <p:sp>
        <p:nvSpPr>
          <p:cNvPr id="24" name="Content Placeholder 10">
            <a:extLst>
              <a:ext uri="{FF2B5EF4-FFF2-40B4-BE49-F238E27FC236}">
                <a16:creationId xmlns:a16="http://schemas.microsoft.com/office/drawing/2014/main" id="{C77FC29C-90A5-4A44-AD2C-5485484792D6}"/>
              </a:ext>
            </a:extLst>
          </p:cNvPr>
          <p:cNvSpPr txBox="1">
            <a:spLocks/>
          </p:cNvSpPr>
          <p:nvPr/>
        </p:nvSpPr>
        <p:spPr>
          <a:xfrm>
            <a:off x="7276641" y="2499304"/>
            <a:ext cx="2748806" cy="3414135"/>
          </a:xfrm>
          <a:prstGeom prst="rect">
            <a:avLst/>
          </a:prstGeom>
        </p:spPr>
        <p:txBody>
          <a:bodyPr anchor="ctr">
            <a:noAutofit/>
          </a:bodyPr>
          <a:lstStyle>
            <a:lvl1pPr marL="174625" indent="-168275" algn="l" defTabSz="914400" rtl="0" eaLnBrk="1" latinLnBrk="0" hangingPunct="1">
              <a:lnSpc>
                <a:spcPct val="110000"/>
              </a:lnSpc>
              <a:spcBef>
                <a:spcPts val="0"/>
              </a:spcBef>
              <a:spcAft>
                <a:spcPts val="400"/>
              </a:spcAft>
              <a:buFont typeface="Arial" panose="020B0604020202020204" pitchFamily="34" charset="0"/>
              <a:buChar char="•"/>
              <a:tabLst/>
              <a:defRPr sz="1400" kern="1200">
                <a:solidFill>
                  <a:schemeClr val="tx1"/>
                </a:solidFill>
                <a:latin typeface="+mn-lt"/>
                <a:ea typeface="+mn-ea"/>
                <a:cs typeface="+mn-cs"/>
              </a:defRPr>
            </a:lvl1pPr>
            <a:lvl2pPr marL="344488" indent="-169863" algn="l" defTabSz="914400" rtl="0" eaLnBrk="1" latinLnBrk="0" hangingPunct="1">
              <a:lnSpc>
                <a:spcPct val="110000"/>
              </a:lnSpc>
              <a:spcBef>
                <a:spcPts val="0"/>
              </a:spcBef>
              <a:spcAft>
                <a:spcPts val="400"/>
              </a:spcAft>
              <a:buFont typeface="Courier New" panose="02070309020205020404" pitchFamily="49" charset="0"/>
              <a:buChar char="o"/>
              <a:tabLst/>
              <a:defRPr sz="1200" kern="1200">
                <a:solidFill>
                  <a:schemeClr val="tx1"/>
                </a:solidFill>
                <a:latin typeface="+mn-lt"/>
                <a:ea typeface="+mn-ea"/>
                <a:cs typeface="+mn-cs"/>
              </a:defRPr>
            </a:lvl2pPr>
            <a:lvl3pPr marL="519113" indent="-174625" algn="l" defTabSz="914400" rtl="0" eaLnBrk="1" latinLnBrk="0" hangingPunct="1">
              <a:lnSpc>
                <a:spcPct val="110000"/>
              </a:lnSpc>
              <a:spcBef>
                <a:spcPts val="0"/>
              </a:spcBef>
              <a:spcAft>
                <a:spcPts val="400"/>
              </a:spcAft>
              <a:buFont typeface="Calibri" panose="020F0502020204030204" pitchFamily="34" charset="0"/>
              <a:buChar char="–"/>
              <a:tabLst/>
              <a:defRPr sz="1200" kern="1200">
                <a:solidFill>
                  <a:schemeClr val="tx1"/>
                </a:solidFill>
                <a:latin typeface="+mn-lt"/>
                <a:ea typeface="+mn-ea"/>
                <a:cs typeface="+mn-cs"/>
              </a:defRPr>
            </a:lvl3pPr>
            <a:lvl4pPr marL="688975" indent="-169863"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4pPr>
            <a:lvl5pPr marL="858838" indent="-168275" algn="l" defTabSz="914400" rtl="0" eaLnBrk="1" latinLnBrk="0" hangingPunct="1">
              <a:lnSpc>
                <a:spcPct val="110000"/>
              </a:lnSpc>
              <a:spcBef>
                <a:spcPts val="0"/>
              </a:spcBef>
              <a:spcAft>
                <a:spcPts val="400"/>
              </a:spcAft>
              <a:buFont typeface="Arial" panose="020B0604020202020204" pitchFamily="34" charset="0"/>
              <a:buChar char="•"/>
              <a:tabLst/>
              <a:defRPr sz="10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6350" marR="0" lvl="0" indent="0" algn="l" defTabSz="914400" rtl="0" eaLnBrk="1" fontAlgn="auto" latinLnBrk="0" hangingPunct="1">
              <a:lnSpc>
                <a:spcPct val="100000"/>
              </a:lnSpc>
              <a:spcBef>
                <a:spcPts val="0"/>
              </a:spcBef>
              <a:spcAft>
                <a:spcPts val="1800"/>
              </a:spcAft>
              <a:buClrTx/>
              <a:buSzTx/>
              <a:buFont typeface="Arial" panose="020B0604020202020204" pitchFamily="34" charset="0"/>
              <a:buNone/>
              <a:tabLst/>
              <a:defRPr/>
            </a:pPr>
            <a:r>
              <a:rPr kumimoji="0" lang="en-US" sz="1600" b="1" i="0" u="none" strike="noStrike" kern="1200" cap="none" spc="0" normalizeH="0" baseline="0" noProof="0">
                <a:ln>
                  <a:noFill/>
                </a:ln>
                <a:solidFill>
                  <a:srgbClr val="8D0E57"/>
                </a:solidFill>
                <a:effectLst/>
                <a:uLnTx/>
                <a:uFillTx/>
                <a:latin typeface="Calibri" panose="020F0502020204030204"/>
                <a:ea typeface="+mn-ea"/>
                <a:cs typeface="+mn-cs"/>
              </a:rPr>
              <a:t>Solutions for FX, Interest Rate, and Commodity Risk:</a:t>
            </a:r>
            <a:endPar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endParaRPr>
          </a:p>
          <a:p>
            <a:pPr marL="6350" marR="0" lvl="0" indent="0" algn="l" defTabSz="914400" rtl="0" eaLnBrk="1" fontAlgn="auto" latinLnBrk="0" hangingPunct="1">
              <a:lnSpc>
                <a:spcPct val="100000"/>
              </a:lnSpc>
              <a:spcBef>
                <a:spcPts val="0"/>
              </a:spcBef>
              <a:spcAft>
                <a:spcPts val="1200"/>
              </a:spcAft>
              <a:buClrTx/>
              <a:buSzTx/>
              <a:buFont typeface="Arial" panose="020B0604020202020204" pitchFamily="34" charset="0"/>
              <a:buNone/>
              <a:tabLst/>
              <a:defRPr/>
            </a:pP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Hedging advisory</a:t>
            </a:r>
          </a:p>
          <a:p>
            <a:pPr marL="6350" marR="0" lvl="0" indent="0" algn="l" defTabSz="914400" rtl="0" eaLnBrk="1" fontAlgn="auto" latinLnBrk="0" hangingPunct="1">
              <a:lnSpc>
                <a:spcPct val="100000"/>
              </a:lnSpc>
              <a:spcBef>
                <a:spcPts val="0"/>
              </a:spcBef>
              <a:spcAft>
                <a:spcPts val="1200"/>
              </a:spcAft>
              <a:buClrTx/>
              <a:buSzTx/>
              <a:buFont typeface="Arial" panose="020B0604020202020204" pitchFamily="34" charset="0"/>
              <a:buNone/>
              <a:tabLst/>
              <a:defRPr/>
            </a:pP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Hedge execution</a:t>
            </a:r>
          </a:p>
          <a:p>
            <a:pPr marL="6350" marR="0" lvl="0" indent="0" algn="l" defTabSz="914400" rtl="0" eaLnBrk="1" fontAlgn="auto" latinLnBrk="0" hangingPunct="1">
              <a:lnSpc>
                <a:spcPct val="100000"/>
              </a:lnSpc>
              <a:spcBef>
                <a:spcPts val="0"/>
              </a:spcBef>
              <a:spcAft>
                <a:spcPts val="1200"/>
              </a:spcAft>
              <a:buClrTx/>
              <a:buSzTx/>
              <a:buFont typeface="Arial" panose="020B0604020202020204" pitchFamily="34" charset="0"/>
              <a:buNone/>
              <a:tabLst/>
              <a:defRPr/>
            </a:pP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Hedge accounting &amp; valuations</a:t>
            </a:r>
          </a:p>
          <a:p>
            <a:pPr marL="6350" marR="0" lvl="0" indent="0" algn="l" defTabSz="914400" rtl="0" eaLnBrk="1" fontAlgn="auto" latinLnBrk="0" hangingPunct="1">
              <a:lnSpc>
                <a:spcPct val="100000"/>
              </a:lnSpc>
              <a:spcBef>
                <a:spcPts val="0"/>
              </a:spcBef>
              <a:spcAft>
                <a:spcPts val="1200"/>
              </a:spcAft>
              <a:buClrTx/>
              <a:buSzTx/>
              <a:buFont typeface="Arial" panose="020B0604020202020204" pitchFamily="34" charset="0"/>
              <a:buNone/>
              <a:tabLst/>
              <a:defRPr/>
            </a:pP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CHATHAMDIRECT™ for treasury risk management</a:t>
            </a:r>
          </a:p>
          <a:p>
            <a:pPr marL="6350" marR="0" lvl="0" indent="0" algn="l" defTabSz="914400" rtl="0" eaLnBrk="1" fontAlgn="auto" latinLnBrk="0" hangingPunct="1">
              <a:lnSpc>
                <a:spcPct val="100000"/>
              </a:lnSpc>
              <a:spcBef>
                <a:spcPts val="0"/>
              </a:spcBef>
              <a:spcAft>
                <a:spcPts val="1200"/>
              </a:spcAft>
              <a:buClrTx/>
              <a:buSzTx/>
              <a:buFont typeface="Arial" panose="020B0604020202020204" pitchFamily="34" charset="0"/>
              <a:buNone/>
              <a:tabLst/>
              <a:defRPr/>
            </a:pP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Derivatives compliance</a:t>
            </a:r>
          </a:p>
          <a:p>
            <a:pPr marL="6350" marR="0" lvl="0" indent="0" algn="l" defTabSz="914400" rtl="0" eaLnBrk="1" fontAlgn="auto" latinLnBrk="0" hangingPunct="1">
              <a:lnSpc>
                <a:spcPct val="100000"/>
              </a:lnSpc>
              <a:spcBef>
                <a:spcPts val="0"/>
              </a:spcBef>
              <a:spcAft>
                <a:spcPts val="1200"/>
              </a:spcAft>
              <a:buClrTx/>
              <a:buSzTx/>
              <a:buFont typeface="Arial" panose="020B0604020202020204" pitchFamily="34" charset="0"/>
              <a:buNone/>
              <a:tabLst/>
              <a:defRPr/>
            </a:pPr>
            <a:r>
              <a:rPr kumimoji="0" lang="en-US" sz="1400" b="0" i="0" u="none" strike="noStrike" kern="1200" cap="none" spc="0" normalizeH="0" baseline="0" noProof="0">
                <a:ln>
                  <a:noFill/>
                </a:ln>
                <a:solidFill>
                  <a:srgbClr val="1F2322"/>
                </a:solidFill>
                <a:effectLst/>
                <a:uLnTx/>
                <a:uFillTx/>
                <a:latin typeface="Calibri" panose="020F0502020204030204"/>
                <a:ea typeface="+mn-ea"/>
                <a:cs typeface="+mn-cs"/>
              </a:rPr>
              <a:t>ISDA advisory</a:t>
            </a:r>
          </a:p>
        </p:txBody>
      </p:sp>
      <p:cxnSp>
        <p:nvCxnSpPr>
          <p:cNvPr id="25" name="Straight Connector 24">
            <a:extLst>
              <a:ext uri="{FF2B5EF4-FFF2-40B4-BE49-F238E27FC236}">
                <a16:creationId xmlns:a16="http://schemas.microsoft.com/office/drawing/2014/main" id="{8D841A98-A5C6-4F58-B4F3-A8B7DD3AEEB4}"/>
              </a:ext>
            </a:extLst>
          </p:cNvPr>
          <p:cNvCxnSpPr>
            <a:cxnSpLocks/>
          </p:cNvCxnSpPr>
          <p:nvPr/>
        </p:nvCxnSpPr>
        <p:spPr>
          <a:xfrm>
            <a:off x="6607692" y="2499304"/>
            <a:ext cx="0" cy="3657600"/>
          </a:xfrm>
          <a:prstGeom prst="line">
            <a:avLst/>
          </a:prstGeom>
          <a:noFill/>
          <a:ln w="25400" cap="flat" cmpd="sng" algn="ctr">
            <a:solidFill>
              <a:srgbClr val="73787C"/>
            </a:solidFill>
            <a:prstDash val="solid"/>
            <a:miter lim="800000"/>
          </a:ln>
          <a:effectLst/>
        </p:spPr>
      </p:cxnSp>
      <p:grpSp>
        <p:nvGrpSpPr>
          <p:cNvPr id="10" name="Group 9">
            <a:extLst>
              <a:ext uri="{FF2B5EF4-FFF2-40B4-BE49-F238E27FC236}">
                <a16:creationId xmlns:a16="http://schemas.microsoft.com/office/drawing/2014/main" id="{747BBBAF-4930-4B32-BD34-B05A5EAFDEC2}"/>
              </a:ext>
            </a:extLst>
          </p:cNvPr>
          <p:cNvGrpSpPr/>
          <p:nvPr/>
        </p:nvGrpSpPr>
        <p:grpSpPr>
          <a:xfrm>
            <a:off x="868518" y="2231403"/>
            <a:ext cx="5164293" cy="3979888"/>
            <a:chOff x="868518" y="2231403"/>
            <a:chExt cx="5164293" cy="3979888"/>
          </a:xfrm>
        </p:grpSpPr>
        <p:sp>
          <p:nvSpPr>
            <p:cNvPr id="26" name="TextBox 25">
              <a:extLst>
                <a:ext uri="{FF2B5EF4-FFF2-40B4-BE49-F238E27FC236}">
                  <a16:creationId xmlns:a16="http://schemas.microsoft.com/office/drawing/2014/main" id="{7DE0552F-0C62-4B9B-BF79-81B2A8C4A836}"/>
                </a:ext>
              </a:extLst>
            </p:cNvPr>
            <p:cNvSpPr txBox="1">
              <a:spLocks/>
            </p:cNvSpPr>
            <p:nvPr/>
          </p:nvSpPr>
          <p:spPr>
            <a:xfrm>
              <a:off x="4057848" y="4749787"/>
              <a:ext cx="0" cy="0"/>
            </a:xfrm>
            <a:prstGeom prst="rect">
              <a:avLst/>
            </a:prstGeom>
            <a:noFill/>
          </p:spPr>
          <p:txBody>
            <a:bodyPr wrap="none" lIns="0" tIns="0" rIns="0" bIns="0" rtlCol="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0" cap="none" spc="0" normalizeH="0" baseline="0" noProof="0" err="1">
                <a:ln>
                  <a:noFill/>
                </a:ln>
                <a:solidFill>
                  <a:srgbClr val="1F2322"/>
                </a:solidFill>
                <a:effectLst/>
                <a:uLnTx/>
                <a:uFillTx/>
                <a:latin typeface="Calibri" panose="020F0502020204030204"/>
                <a:ea typeface="+mn-ea"/>
                <a:cs typeface="+mn-cs"/>
              </a:endParaRPr>
            </a:p>
          </p:txBody>
        </p:sp>
        <p:sp>
          <p:nvSpPr>
            <p:cNvPr id="28" name="Rectangle 27">
              <a:extLst>
                <a:ext uri="{FF2B5EF4-FFF2-40B4-BE49-F238E27FC236}">
                  <a16:creationId xmlns:a16="http://schemas.microsoft.com/office/drawing/2014/main" id="{86B821FF-0808-4F25-91F6-0C87EE638D7A}"/>
                </a:ext>
              </a:extLst>
            </p:cNvPr>
            <p:cNvSpPr>
              <a:spLocks/>
            </p:cNvSpPr>
            <p:nvPr/>
          </p:nvSpPr>
          <p:spPr>
            <a:xfrm>
              <a:off x="4204011" y="2782291"/>
              <a:ext cx="1600200" cy="3429000"/>
            </a:xfrm>
            <a:prstGeom prst="rect">
              <a:avLst/>
            </a:prstGeom>
            <a:solidFill>
              <a:srgbClr val="FFFFFF">
                <a:lumMod val="95000"/>
              </a:srgbClr>
            </a:solidFill>
            <a:ln w="12700" cap="flat" cmpd="sng" algn="ctr">
              <a:no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a:ln>
                  <a:noFill/>
                </a:ln>
                <a:solidFill>
                  <a:srgbClr val="FFFFFF">
                    <a:lumMod val="85000"/>
                  </a:srgbClr>
                </a:solidFill>
                <a:effectLst/>
                <a:uLnTx/>
                <a:uFillTx/>
                <a:latin typeface="Calibri" panose="020F0502020204030204"/>
                <a:ea typeface="+mn-ea"/>
                <a:cs typeface="+mn-cs"/>
              </a:endParaRPr>
            </a:p>
          </p:txBody>
        </p:sp>
        <p:sp>
          <p:nvSpPr>
            <p:cNvPr id="27" name="Rectangle 26">
              <a:extLst>
                <a:ext uri="{FF2B5EF4-FFF2-40B4-BE49-F238E27FC236}">
                  <a16:creationId xmlns:a16="http://schemas.microsoft.com/office/drawing/2014/main" id="{AD9628B0-121C-4A10-AC85-E3028E046A25}"/>
                </a:ext>
              </a:extLst>
            </p:cNvPr>
            <p:cNvSpPr>
              <a:spLocks/>
            </p:cNvSpPr>
            <p:nvPr/>
          </p:nvSpPr>
          <p:spPr>
            <a:xfrm>
              <a:off x="2536265" y="2782291"/>
              <a:ext cx="1600200" cy="3429000"/>
            </a:xfrm>
            <a:prstGeom prst="rect">
              <a:avLst/>
            </a:prstGeom>
            <a:solidFill>
              <a:srgbClr val="A3A7AA">
                <a:lumMod val="40000"/>
                <a:lumOff val="60000"/>
              </a:srgbClr>
            </a:solidFill>
            <a:ln w="12700" cap="flat" cmpd="sng" algn="ctr">
              <a:no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a:ln>
                  <a:noFill/>
                </a:ln>
                <a:solidFill>
                  <a:srgbClr val="FFFFFF">
                    <a:lumMod val="85000"/>
                  </a:srgbClr>
                </a:solidFill>
                <a:effectLst/>
                <a:uLnTx/>
                <a:uFillTx/>
                <a:latin typeface="Calibri" panose="020F0502020204030204"/>
                <a:ea typeface="+mn-ea"/>
                <a:cs typeface="+mn-cs"/>
              </a:endParaRPr>
            </a:p>
          </p:txBody>
        </p:sp>
        <p:sp>
          <p:nvSpPr>
            <p:cNvPr id="29" name="Rectangle 28">
              <a:extLst>
                <a:ext uri="{FF2B5EF4-FFF2-40B4-BE49-F238E27FC236}">
                  <a16:creationId xmlns:a16="http://schemas.microsoft.com/office/drawing/2014/main" id="{1F2769EE-B634-425D-8CBE-F8ABFDC7E99B}"/>
                </a:ext>
              </a:extLst>
            </p:cNvPr>
            <p:cNvSpPr>
              <a:spLocks/>
            </p:cNvSpPr>
            <p:nvPr/>
          </p:nvSpPr>
          <p:spPr>
            <a:xfrm>
              <a:off x="868518" y="2782291"/>
              <a:ext cx="1600200" cy="3429000"/>
            </a:xfrm>
            <a:prstGeom prst="rect">
              <a:avLst/>
            </a:prstGeom>
            <a:solidFill>
              <a:srgbClr val="FFFFFF">
                <a:lumMod val="95000"/>
              </a:srgbClr>
            </a:solidFill>
            <a:ln w="12700" cap="flat" cmpd="sng" algn="ctr">
              <a:no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a:ln>
                  <a:noFill/>
                </a:ln>
                <a:solidFill>
                  <a:srgbClr val="FFFFFF">
                    <a:lumMod val="85000"/>
                  </a:srgbClr>
                </a:solidFill>
                <a:effectLst/>
                <a:uLnTx/>
                <a:uFillTx/>
                <a:latin typeface="Calibri" panose="020F0502020204030204"/>
                <a:ea typeface="+mn-ea"/>
                <a:cs typeface="+mn-cs"/>
              </a:endParaRPr>
            </a:p>
          </p:txBody>
        </p:sp>
        <p:sp>
          <p:nvSpPr>
            <p:cNvPr id="31" name="Rectangle 30">
              <a:extLst>
                <a:ext uri="{FF2B5EF4-FFF2-40B4-BE49-F238E27FC236}">
                  <a16:creationId xmlns:a16="http://schemas.microsoft.com/office/drawing/2014/main" id="{1543C45F-8B08-4DAC-891B-47B15A302A13}"/>
                </a:ext>
              </a:extLst>
            </p:cNvPr>
            <p:cNvSpPr>
              <a:spLocks/>
            </p:cNvSpPr>
            <p:nvPr/>
          </p:nvSpPr>
          <p:spPr>
            <a:xfrm>
              <a:off x="1000972" y="4185305"/>
              <a:ext cx="4670785" cy="640080"/>
            </a:xfrm>
            <a:prstGeom prst="rect">
              <a:avLst/>
            </a:prstGeom>
            <a:solidFill>
              <a:srgbClr val="4CB5E6"/>
            </a:solidFill>
            <a:ln w="9525" cap="flat" cmpd="sng" algn="ctr">
              <a:solidFill>
                <a:srgbClr val="4891DC">
                  <a:lumMod val="60000"/>
                  <a:lumOff val="40000"/>
                </a:srgbClr>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a:ln>
                    <a:noFill/>
                  </a:ln>
                  <a:solidFill>
                    <a:srgbClr val="FFFFFF"/>
                  </a:solidFill>
                  <a:effectLst/>
                  <a:uLnTx/>
                  <a:uFillTx/>
                  <a:latin typeface="Calibri" panose="020F0502020204030204"/>
                  <a:ea typeface="+mn-ea"/>
                  <a:cs typeface="+mn-cs"/>
                </a:rPr>
                <a:t>Operational capabilities</a:t>
              </a:r>
              <a:endParaRPr kumimoji="0" lang="en-US" sz="1800" b="0" i="0" u="none" strike="noStrike" kern="0" cap="none" spc="0" normalizeH="0" baseline="0" noProof="0">
                <a:ln>
                  <a:noFill/>
                </a:ln>
                <a:solidFill>
                  <a:srgbClr val="FF0000"/>
                </a:solidFill>
                <a:effectLst/>
                <a:uLnTx/>
                <a:uFillTx/>
                <a:latin typeface="Calibri" panose="020F0502020204030204"/>
                <a:ea typeface="+mn-ea"/>
                <a:cs typeface="+mn-cs"/>
              </a:endParaRPr>
            </a:p>
          </p:txBody>
        </p:sp>
        <p:sp>
          <p:nvSpPr>
            <p:cNvPr id="32" name="Rectangle 31">
              <a:extLst>
                <a:ext uri="{FF2B5EF4-FFF2-40B4-BE49-F238E27FC236}">
                  <a16:creationId xmlns:a16="http://schemas.microsoft.com/office/drawing/2014/main" id="{06BA7AFF-FFD3-418C-87C4-18BED54258A9}"/>
                </a:ext>
              </a:extLst>
            </p:cNvPr>
            <p:cNvSpPr>
              <a:spLocks/>
            </p:cNvSpPr>
            <p:nvPr/>
          </p:nvSpPr>
          <p:spPr>
            <a:xfrm>
              <a:off x="1000972" y="3171188"/>
              <a:ext cx="4670785" cy="640080"/>
            </a:xfrm>
            <a:prstGeom prst="rect">
              <a:avLst/>
            </a:prstGeom>
            <a:solidFill>
              <a:srgbClr val="007CBA"/>
            </a:solidFill>
            <a:ln w="9525" cap="flat" cmpd="sng" algn="ctr">
              <a:solidFill>
                <a:srgbClr val="4891DC">
                  <a:lumMod val="60000"/>
                  <a:lumOff val="40000"/>
                </a:srgbClr>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0" cap="none" spc="0" normalizeH="0" baseline="0" noProof="0">
                  <a:ln>
                    <a:noFill/>
                  </a:ln>
                  <a:solidFill>
                    <a:srgbClr val="FFFFFF"/>
                  </a:solidFill>
                  <a:effectLst/>
                  <a:uLnTx/>
                  <a:uFillTx/>
                  <a:latin typeface="Calibri" panose="020F0502020204030204"/>
                  <a:ea typeface="+mn-ea"/>
                  <a:cs typeface="+mn-cs"/>
                </a:rPr>
                <a:t>Strategic advisory</a:t>
              </a:r>
            </a:p>
          </p:txBody>
        </p:sp>
        <p:sp>
          <p:nvSpPr>
            <p:cNvPr id="30" name="Rectangle 29">
              <a:extLst>
                <a:ext uri="{FF2B5EF4-FFF2-40B4-BE49-F238E27FC236}">
                  <a16:creationId xmlns:a16="http://schemas.microsoft.com/office/drawing/2014/main" id="{929EE5D0-EC66-4456-B002-41548C523D92}"/>
                </a:ext>
              </a:extLst>
            </p:cNvPr>
            <p:cNvSpPr>
              <a:spLocks/>
            </p:cNvSpPr>
            <p:nvPr/>
          </p:nvSpPr>
          <p:spPr>
            <a:xfrm>
              <a:off x="1000972" y="5197174"/>
              <a:ext cx="4670785" cy="640080"/>
            </a:xfrm>
            <a:prstGeom prst="rect">
              <a:avLst/>
            </a:prstGeom>
            <a:solidFill>
              <a:srgbClr val="FFFFFF"/>
            </a:solidFill>
            <a:ln w="9525" cap="flat" cmpd="sng" algn="ctr">
              <a:solidFill>
                <a:srgbClr val="4891DC">
                  <a:lumMod val="60000"/>
                  <a:lumOff val="40000"/>
                </a:srgbClr>
              </a:solid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0" cap="none" spc="0" normalizeH="0" baseline="0" noProof="0">
                <a:ln>
                  <a:noFill/>
                </a:ln>
                <a:solidFill>
                  <a:srgbClr val="FFFFFF"/>
                </a:solidFill>
                <a:effectLst/>
                <a:uLnTx/>
                <a:uFillTx/>
                <a:latin typeface="Calibri" panose="020F0502020204030204"/>
                <a:ea typeface="+mn-ea"/>
                <a:cs typeface="+mn-cs"/>
              </a:endParaRPr>
            </a:p>
          </p:txBody>
        </p:sp>
        <p:pic>
          <p:nvPicPr>
            <p:cNvPr id="33" name="Picture 32">
              <a:extLst>
                <a:ext uri="{FF2B5EF4-FFF2-40B4-BE49-F238E27FC236}">
                  <a16:creationId xmlns:a16="http://schemas.microsoft.com/office/drawing/2014/main" id="{48286C1F-97C5-45AB-8859-159BCD491CDA}"/>
                </a:ext>
              </a:extLst>
            </p:cNvPr>
            <p:cNvPicPr>
              <a:picLocks noChangeAspect="1"/>
            </p:cNvPicPr>
            <p:nvPr/>
          </p:nvPicPr>
          <p:blipFill rotWithShape="1">
            <a:blip r:embed="rId6"/>
            <a:srcRect/>
            <a:stretch/>
          </p:blipFill>
          <p:spPr>
            <a:xfrm>
              <a:off x="2106198" y="5413061"/>
              <a:ext cx="2460333" cy="208307"/>
            </a:xfrm>
            <a:prstGeom prst="rect">
              <a:avLst/>
            </a:prstGeom>
          </p:spPr>
        </p:pic>
        <p:sp>
          <p:nvSpPr>
            <p:cNvPr id="34" name="Pentagon 9">
              <a:extLst>
                <a:ext uri="{FF2B5EF4-FFF2-40B4-BE49-F238E27FC236}">
                  <a16:creationId xmlns:a16="http://schemas.microsoft.com/office/drawing/2014/main" id="{4A03ACFB-29DA-4316-A6E5-AEC5B4812802}"/>
                </a:ext>
              </a:extLst>
            </p:cNvPr>
            <p:cNvSpPr>
              <a:spLocks/>
            </p:cNvSpPr>
            <p:nvPr/>
          </p:nvSpPr>
          <p:spPr>
            <a:xfrm>
              <a:off x="4204011" y="2231403"/>
              <a:ext cx="1828800" cy="548640"/>
            </a:xfrm>
            <a:prstGeom prst="chevron">
              <a:avLst>
                <a:gd name="adj" fmla="val 42708"/>
              </a:avLst>
            </a:prstGeom>
            <a:solidFill>
              <a:srgbClr val="004578"/>
            </a:solidFill>
            <a:ln w="12700" cap="flat" cmpd="sng" algn="ctr">
              <a:no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a:ln>
                    <a:noFill/>
                  </a:ln>
                  <a:solidFill>
                    <a:srgbClr val="FFFFFF"/>
                  </a:solidFill>
                  <a:effectLst/>
                  <a:uLnTx/>
                  <a:uFillTx/>
                  <a:latin typeface="Calibri" panose="020F0502020204030204"/>
                  <a:ea typeface="+mn-ea"/>
                  <a:cs typeface="+mn-cs"/>
                </a:rPr>
                <a:t>Accounting</a:t>
              </a:r>
              <a:endParaRPr kumimoji="0" lang="en-US" sz="1500" b="1"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35" name="Pentagon 10">
              <a:extLst>
                <a:ext uri="{FF2B5EF4-FFF2-40B4-BE49-F238E27FC236}">
                  <a16:creationId xmlns:a16="http://schemas.microsoft.com/office/drawing/2014/main" id="{33456D1C-AB30-4B0E-B3DF-97D8E0E3CEC4}"/>
                </a:ext>
              </a:extLst>
            </p:cNvPr>
            <p:cNvSpPr>
              <a:spLocks/>
            </p:cNvSpPr>
            <p:nvPr/>
          </p:nvSpPr>
          <p:spPr>
            <a:xfrm>
              <a:off x="2536265" y="2231403"/>
              <a:ext cx="1828800" cy="548640"/>
            </a:xfrm>
            <a:prstGeom prst="chevron">
              <a:avLst>
                <a:gd name="adj" fmla="val 42708"/>
              </a:avLst>
            </a:prstGeom>
            <a:solidFill>
              <a:srgbClr val="004578"/>
            </a:solidFill>
            <a:ln w="12700" cap="flat" cmpd="sng" algn="ctr">
              <a:no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a:ln>
                    <a:noFill/>
                  </a:ln>
                  <a:solidFill>
                    <a:srgbClr val="FFFFFF"/>
                  </a:solidFill>
                  <a:effectLst/>
                  <a:uLnTx/>
                  <a:uFillTx/>
                  <a:latin typeface="Calibri" panose="020F0502020204030204"/>
                  <a:ea typeface="+mn-ea"/>
                  <a:cs typeface="+mn-cs"/>
                </a:rPr>
                <a:t>Operations</a:t>
              </a:r>
              <a:endParaRPr kumimoji="0" lang="en-US" sz="1500" b="1"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36" name="Pentagon 11">
              <a:extLst>
                <a:ext uri="{FF2B5EF4-FFF2-40B4-BE49-F238E27FC236}">
                  <a16:creationId xmlns:a16="http://schemas.microsoft.com/office/drawing/2014/main" id="{9509B812-EEF3-4EDE-83C4-4FFEBC54EDA9}"/>
                </a:ext>
              </a:extLst>
            </p:cNvPr>
            <p:cNvSpPr>
              <a:spLocks/>
            </p:cNvSpPr>
            <p:nvPr/>
          </p:nvSpPr>
          <p:spPr>
            <a:xfrm>
              <a:off x="868518" y="2231403"/>
              <a:ext cx="1828800" cy="548640"/>
            </a:xfrm>
            <a:prstGeom prst="homePlate">
              <a:avLst>
                <a:gd name="adj" fmla="val 40741"/>
              </a:avLst>
            </a:prstGeom>
            <a:solidFill>
              <a:srgbClr val="004578"/>
            </a:solidFill>
            <a:ln w="12700" cap="flat" cmpd="sng" algn="ctr">
              <a:noFill/>
              <a:prstDash val="solid"/>
              <a:miter lim="800000"/>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0" cap="none" spc="0" normalizeH="0" baseline="0" noProof="0">
                  <a:ln>
                    <a:noFill/>
                  </a:ln>
                  <a:solidFill>
                    <a:srgbClr val="FFFFFF"/>
                  </a:solidFill>
                  <a:effectLst/>
                  <a:uLnTx/>
                  <a:uFillTx/>
                  <a:latin typeface="Calibri" panose="020F0502020204030204"/>
                  <a:ea typeface="+mn-ea"/>
                  <a:cs typeface="+mn-cs"/>
                </a:rPr>
                <a:t>Hedging</a:t>
              </a:r>
              <a:endParaRPr kumimoji="0" lang="en-US" sz="1500" b="1" i="0" u="none" strike="noStrike" kern="0" cap="none" spc="0" normalizeH="0" baseline="0" noProof="0">
                <a:ln>
                  <a:noFill/>
                </a:ln>
                <a:solidFill>
                  <a:srgbClr val="FFFFFF"/>
                </a:solidFill>
                <a:effectLst/>
                <a:uLnTx/>
                <a:uFillTx/>
                <a:latin typeface="Calibri" panose="020F0502020204030204"/>
                <a:ea typeface="+mn-ea"/>
                <a:cs typeface="+mn-cs"/>
              </a:endParaRPr>
            </a:p>
          </p:txBody>
        </p:sp>
      </p:grpSp>
    </p:spTree>
    <p:custDataLst>
      <p:custData r:id="rId1"/>
      <p:custData r:id="rId2"/>
      <p:tags r:id="rId3"/>
    </p:custDataLst>
    <p:extLst>
      <p:ext uri="{BB962C8B-B14F-4D97-AF65-F5344CB8AC3E}">
        <p14:creationId xmlns:p14="http://schemas.microsoft.com/office/powerpoint/2010/main" val="316994657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9E23C6-6C04-4195-ACE5-8414DBDFD352}"/>
              </a:ext>
            </a:extLst>
          </p:cNvPr>
          <p:cNvSpPr>
            <a:spLocks noGrp="1"/>
          </p:cNvSpPr>
          <p:nvPr>
            <p:ph type="title"/>
          </p:nvPr>
        </p:nvSpPr>
        <p:spPr/>
        <p:txBody>
          <a:bodyPr/>
          <a:lstStyle/>
          <a:p>
            <a:r>
              <a:rPr lang="en-US"/>
              <a:t>Agenda</a:t>
            </a:r>
          </a:p>
        </p:txBody>
      </p:sp>
      <p:sp>
        <p:nvSpPr>
          <p:cNvPr id="3" name="Slide Number Placeholder 2">
            <a:extLst>
              <a:ext uri="{FF2B5EF4-FFF2-40B4-BE49-F238E27FC236}">
                <a16:creationId xmlns:a16="http://schemas.microsoft.com/office/drawing/2014/main" id="{73BE34EF-7761-4729-B242-E4CE46B329B7}"/>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7</a:t>
            </a:fld>
            <a:endParaRPr lang="en-US">
              <a:solidFill>
                <a:srgbClr val="1F2322"/>
              </a:solidFill>
            </a:endParaRPr>
          </a:p>
        </p:txBody>
      </p:sp>
      <p:sp>
        <p:nvSpPr>
          <p:cNvPr id="4" name="Text Placeholder 3">
            <a:extLst>
              <a:ext uri="{FF2B5EF4-FFF2-40B4-BE49-F238E27FC236}">
                <a16:creationId xmlns:a16="http://schemas.microsoft.com/office/drawing/2014/main" id="{24EBD3CA-91DD-4040-80F4-8D2534A4B484}"/>
              </a:ext>
            </a:extLst>
          </p:cNvPr>
          <p:cNvSpPr>
            <a:spLocks noGrp="1"/>
          </p:cNvSpPr>
          <p:nvPr>
            <p:ph type="body" sz="quarter" idx="11"/>
          </p:nvPr>
        </p:nvSpPr>
        <p:spPr/>
        <p:txBody>
          <a:bodyPr/>
          <a:lstStyle/>
          <a:p>
            <a:r>
              <a:rPr lang="en-US"/>
              <a:t>Interest rate market update</a:t>
            </a:r>
          </a:p>
          <a:p>
            <a:r>
              <a:rPr lang="en-US"/>
              <a:t>Interest rate hedging strategies</a:t>
            </a:r>
          </a:p>
          <a:p>
            <a:r>
              <a:rPr lang="en-US"/>
              <a:t>Advanced interest rate hedging strategies</a:t>
            </a:r>
          </a:p>
          <a:p>
            <a:r>
              <a:rPr lang="en-US"/>
              <a:t>Interest rate risk mitigation in practice</a:t>
            </a:r>
          </a:p>
          <a:p>
            <a:endParaRPr lang="en-US"/>
          </a:p>
          <a:p>
            <a:endParaRPr lang="en-US"/>
          </a:p>
        </p:txBody>
      </p:sp>
    </p:spTree>
    <p:custDataLst>
      <p:custData r:id="rId1"/>
      <p:custData r:id="rId2"/>
    </p:custDataLst>
    <p:extLst>
      <p:ext uri="{BB962C8B-B14F-4D97-AF65-F5344CB8AC3E}">
        <p14:creationId xmlns:p14="http://schemas.microsoft.com/office/powerpoint/2010/main" val="309682195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F0D0D1-DC6D-47AA-B921-2C57BAE73780}"/>
              </a:ext>
            </a:extLst>
          </p:cNvPr>
          <p:cNvSpPr>
            <a:spLocks noGrp="1"/>
          </p:cNvSpPr>
          <p:nvPr>
            <p:ph type="title"/>
          </p:nvPr>
        </p:nvSpPr>
        <p:spPr/>
        <p:txBody>
          <a:bodyPr/>
          <a:lstStyle/>
          <a:p>
            <a:r>
              <a:rPr lang="en-US"/>
              <a:t>Market update</a:t>
            </a:r>
          </a:p>
        </p:txBody>
      </p:sp>
      <p:sp>
        <p:nvSpPr>
          <p:cNvPr id="4" name="Slide Number Placeholder 3">
            <a:extLst>
              <a:ext uri="{FF2B5EF4-FFF2-40B4-BE49-F238E27FC236}">
                <a16:creationId xmlns:a16="http://schemas.microsoft.com/office/drawing/2014/main" id="{A08B9115-92FC-4106-9DC4-4494612F6454}"/>
              </a:ext>
            </a:extLst>
          </p:cNvPr>
          <p:cNvSpPr>
            <a:spLocks noGrp="1"/>
          </p:cNvSpPr>
          <p:nvPr>
            <p:ph type="sldNum" sz="quarter" idx="10"/>
          </p:nvPr>
        </p:nvSpPr>
        <p:spPr>
          <a:xfrm>
            <a:off x="5497125" y="6435257"/>
            <a:ext cx="1197751" cy="166035"/>
          </a:xfrm>
          <a:prstGeom prst="rect">
            <a:avLst/>
          </a:prstGeom>
        </p:spPr>
        <p:txBody>
          <a:bodyPr vert="horz" lIns="0" tIns="0" rIns="0" bIns="0" rtlCol="0" anchor="t"/>
          <a:lstStyle>
            <a:defPPr>
              <a:defRPr lang="en-US"/>
            </a:defPPr>
            <a:lvl1pPr marL="0" algn="ctr" defTabSz="457200" rtl="0" eaLnBrk="1" latinLnBrk="0" hangingPunct="1">
              <a:defRPr sz="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defTabSz="914400"/>
            <a:fld id="{EB4FF9C4-EEBF-D24D-8A4E-C0B9CCE3F975}" type="slidenum">
              <a:rPr lang="en-US" smtClean="0">
                <a:solidFill>
                  <a:srgbClr val="1F2322"/>
                </a:solidFill>
              </a:rPr>
              <a:pPr defTabSz="914400"/>
              <a:t>8</a:t>
            </a:fld>
            <a:endParaRPr lang="en-US">
              <a:solidFill>
                <a:srgbClr val="1F2322"/>
              </a:solidFill>
            </a:endParaRPr>
          </a:p>
        </p:txBody>
      </p:sp>
      <p:sp>
        <p:nvSpPr>
          <p:cNvPr id="5" name="Text Placeholder 4">
            <a:extLst>
              <a:ext uri="{FF2B5EF4-FFF2-40B4-BE49-F238E27FC236}">
                <a16:creationId xmlns:a16="http://schemas.microsoft.com/office/drawing/2014/main" id="{FCC535DC-4CA5-4ED8-9326-91D1F741669F}"/>
              </a:ext>
            </a:extLst>
          </p:cNvPr>
          <p:cNvSpPr>
            <a:spLocks noGrp="1"/>
          </p:cNvSpPr>
          <p:nvPr>
            <p:ph type="body" sz="quarter" idx="11"/>
          </p:nvPr>
        </p:nvSpPr>
        <p:spPr/>
        <p:txBody>
          <a:bodyPr/>
          <a:lstStyle/>
          <a:p>
            <a:r>
              <a:rPr lang="en-US"/>
              <a:t>Federal Reserve expectations</a:t>
            </a:r>
          </a:p>
        </p:txBody>
      </p:sp>
      <p:grpSp>
        <p:nvGrpSpPr>
          <p:cNvPr id="7" name="Group 6">
            <a:extLst>
              <a:ext uri="{FF2B5EF4-FFF2-40B4-BE49-F238E27FC236}">
                <a16:creationId xmlns:a16="http://schemas.microsoft.com/office/drawing/2014/main" id="{0B4BB624-EB02-4E35-BC4C-49C34D20A547}"/>
              </a:ext>
            </a:extLst>
          </p:cNvPr>
          <p:cNvGrpSpPr/>
          <p:nvPr/>
        </p:nvGrpSpPr>
        <p:grpSpPr>
          <a:xfrm>
            <a:off x="779765" y="1425695"/>
            <a:ext cx="3291840" cy="1927532"/>
            <a:chOff x="777632" y="1636122"/>
            <a:chExt cx="3291840" cy="1927532"/>
          </a:xfrm>
        </p:grpSpPr>
        <p:sp>
          <p:nvSpPr>
            <p:cNvPr id="8" name="Rectangle 7">
              <a:extLst>
                <a:ext uri="{FF2B5EF4-FFF2-40B4-BE49-F238E27FC236}">
                  <a16:creationId xmlns:a16="http://schemas.microsoft.com/office/drawing/2014/main" id="{441CE126-A748-4CAB-B019-3927825A4C2B}"/>
                </a:ext>
              </a:extLst>
            </p:cNvPr>
            <p:cNvSpPr/>
            <p:nvPr/>
          </p:nvSpPr>
          <p:spPr>
            <a:xfrm>
              <a:off x="777632" y="1910442"/>
              <a:ext cx="3291840" cy="1653212"/>
            </a:xfrm>
            <a:prstGeom prst="rect">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t"/>
            <a:lstStyle/>
            <a:p>
              <a:pPr marL="231775" indent="-171450">
                <a:spcAft>
                  <a:spcPts val="500"/>
                </a:spcAft>
                <a:buFont typeface="Arial" panose="020B0604020202020204" pitchFamily="34" charset="0"/>
                <a:buChar char="•"/>
              </a:pPr>
              <a:r>
                <a:rPr lang="en-US" sz="1200">
                  <a:solidFill>
                    <a:schemeClr val="tx1"/>
                  </a:solidFill>
                </a:rPr>
                <a:t>The Fed expects the Personal Consumer Expenditures (PCE) index to average 4.3% for 2022, up from the prior 2.6% projection.</a:t>
              </a:r>
            </a:p>
            <a:p>
              <a:pPr marL="231775" indent="-171450">
                <a:spcAft>
                  <a:spcPts val="500"/>
                </a:spcAft>
                <a:buFont typeface="Arial" panose="020B0604020202020204" pitchFamily="34" charset="0"/>
                <a:buChar char="•"/>
              </a:pPr>
              <a:r>
                <a:rPr lang="en-US" sz="1200">
                  <a:solidFill>
                    <a:schemeClr val="tx1"/>
                  </a:solidFill>
                </a:rPr>
                <a:t>By 2023, the Fed expects inflation to abate and core PCE to average 2.6%. PCE Inflation is still expected to be 2% over the longer run.</a:t>
              </a:r>
            </a:p>
            <a:p>
              <a:pPr marL="231775" indent="-171450">
                <a:spcAft>
                  <a:spcPts val="500"/>
                </a:spcAft>
                <a:buFont typeface="Arial" panose="020B0604020202020204" pitchFamily="34" charset="0"/>
                <a:buChar char="•"/>
              </a:pPr>
              <a:r>
                <a:rPr lang="en-US" sz="1200">
                  <a:solidFill>
                    <a:schemeClr val="tx1"/>
                  </a:solidFill>
                </a:rPr>
                <a:t>For reference, core PCE was 5.2% in March.</a:t>
              </a:r>
            </a:p>
            <a:p>
              <a:pPr marL="60325">
                <a:spcAft>
                  <a:spcPts val="500"/>
                </a:spcAft>
              </a:pPr>
              <a:endParaRPr lang="en-US" sz="1200">
                <a:solidFill>
                  <a:schemeClr val="tx1"/>
                </a:solidFill>
              </a:endParaRPr>
            </a:p>
          </p:txBody>
        </p:sp>
        <p:sp>
          <p:nvSpPr>
            <p:cNvPr id="9" name="Rectangle 8">
              <a:extLst>
                <a:ext uri="{FF2B5EF4-FFF2-40B4-BE49-F238E27FC236}">
                  <a16:creationId xmlns:a16="http://schemas.microsoft.com/office/drawing/2014/main" id="{E24C6DBA-FD41-4D4D-B956-618540EBB8ED}"/>
                </a:ext>
              </a:extLst>
            </p:cNvPr>
            <p:cNvSpPr/>
            <p:nvPr/>
          </p:nvSpPr>
          <p:spPr>
            <a:xfrm>
              <a:off x="777632" y="1636122"/>
              <a:ext cx="3291840" cy="274320"/>
            </a:xfrm>
            <a:prstGeom prst="rect">
              <a:avLst/>
            </a:prstGeom>
            <a:solidFill>
              <a:schemeClr val="tx2"/>
            </a:solid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chorCtr="0"/>
            <a:lstStyle/>
            <a:p>
              <a:pPr algn="ctr"/>
              <a:r>
                <a:rPr lang="en-US" sz="1200" b="1">
                  <a:solidFill>
                    <a:schemeClr val="bg1"/>
                  </a:solidFill>
                </a:rPr>
                <a:t>Inflation</a:t>
              </a:r>
            </a:p>
          </p:txBody>
        </p:sp>
      </p:grpSp>
      <p:graphicFrame>
        <p:nvGraphicFramePr>
          <p:cNvPr id="10" name="Table 9">
            <a:extLst>
              <a:ext uri="{FF2B5EF4-FFF2-40B4-BE49-F238E27FC236}">
                <a16:creationId xmlns:a16="http://schemas.microsoft.com/office/drawing/2014/main" id="{9BDD98AF-453A-4C6A-AA4D-D42ACF845765}"/>
              </a:ext>
            </a:extLst>
          </p:cNvPr>
          <p:cNvGraphicFramePr>
            <a:graphicFrameLocks noGrp="1"/>
          </p:cNvGraphicFramePr>
          <p:nvPr>
            <p:extLst>
              <p:ext uri="{D42A27DB-BD31-4B8C-83A1-F6EECF244321}">
                <p14:modId xmlns:p14="http://schemas.microsoft.com/office/powerpoint/2010/main" val="1677712761"/>
              </p:ext>
            </p:extLst>
          </p:nvPr>
        </p:nvGraphicFramePr>
        <p:xfrm>
          <a:off x="777632" y="3495475"/>
          <a:ext cx="10634599" cy="2476035"/>
        </p:xfrm>
        <a:graphic>
          <a:graphicData uri="http://schemas.openxmlformats.org/drawingml/2006/table">
            <a:tbl>
              <a:tblPr firstRow="1" firstCol="1" bandRow="1"/>
              <a:tblGrid>
                <a:gridCol w="1039196">
                  <a:extLst>
                    <a:ext uri="{9D8B030D-6E8A-4147-A177-3AD203B41FA5}">
                      <a16:colId xmlns:a16="http://schemas.microsoft.com/office/drawing/2014/main" val="3423548682"/>
                    </a:ext>
                  </a:extLst>
                </a:gridCol>
                <a:gridCol w="605535">
                  <a:extLst>
                    <a:ext uri="{9D8B030D-6E8A-4147-A177-3AD203B41FA5}">
                      <a16:colId xmlns:a16="http://schemas.microsoft.com/office/drawing/2014/main" val="3267413508"/>
                    </a:ext>
                  </a:extLst>
                </a:gridCol>
                <a:gridCol w="605535">
                  <a:extLst>
                    <a:ext uri="{9D8B030D-6E8A-4147-A177-3AD203B41FA5}">
                      <a16:colId xmlns:a16="http://schemas.microsoft.com/office/drawing/2014/main" val="2865898859"/>
                    </a:ext>
                  </a:extLst>
                </a:gridCol>
                <a:gridCol w="605535">
                  <a:extLst>
                    <a:ext uri="{9D8B030D-6E8A-4147-A177-3AD203B41FA5}">
                      <a16:colId xmlns:a16="http://schemas.microsoft.com/office/drawing/2014/main" val="218545384"/>
                    </a:ext>
                  </a:extLst>
                </a:gridCol>
                <a:gridCol w="605535">
                  <a:extLst>
                    <a:ext uri="{9D8B030D-6E8A-4147-A177-3AD203B41FA5}">
                      <a16:colId xmlns:a16="http://schemas.microsoft.com/office/drawing/2014/main" val="1207476723"/>
                    </a:ext>
                  </a:extLst>
                </a:gridCol>
                <a:gridCol w="605535">
                  <a:extLst>
                    <a:ext uri="{9D8B030D-6E8A-4147-A177-3AD203B41FA5}">
                      <a16:colId xmlns:a16="http://schemas.microsoft.com/office/drawing/2014/main" val="232895347"/>
                    </a:ext>
                  </a:extLst>
                </a:gridCol>
                <a:gridCol w="605535">
                  <a:extLst>
                    <a:ext uri="{9D8B030D-6E8A-4147-A177-3AD203B41FA5}">
                      <a16:colId xmlns:a16="http://schemas.microsoft.com/office/drawing/2014/main" val="2648499043"/>
                    </a:ext>
                  </a:extLst>
                </a:gridCol>
                <a:gridCol w="605535">
                  <a:extLst>
                    <a:ext uri="{9D8B030D-6E8A-4147-A177-3AD203B41FA5}">
                      <a16:colId xmlns:a16="http://schemas.microsoft.com/office/drawing/2014/main" val="3328990125"/>
                    </a:ext>
                  </a:extLst>
                </a:gridCol>
                <a:gridCol w="605535">
                  <a:extLst>
                    <a:ext uri="{9D8B030D-6E8A-4147-A177-3AD203B41FA5}">
                      <a16:colId xmlns:a16="http://schemas.microsoft.com/office/drawing/2014/main" val="2732631966"/>
                    </a:ext>
                  </a:extLst>
                </a:gridCol>
                <a:gridCol w="605535">
                  <a:extLst>
                    <a:ext uri="{9D8B030D-6E8A-4147-A177-3AD203B41FA5}">
                      <a16:colId xmlns:a16="http://schemas.microsoft.com/office/drawing/2014/main" val="3826610628"/>
                    </a:ext>
                  </a:extLst>
                </a:gridCol>
                <a:gridCol w="605535">
                  <a:extLst>
                    <a:ext uri="{9D8B030D-6E8A-4147-A177-3AD203B41FA5}">
                      <a16:colId xmlns:a16="http://schemas.microsoft.com/office/drawing/2014/main" val="2873873696"/>
                    </a:ext>
                  </a:extLst>
                </a:gridCol>
                <a:gridCol w="605535">
                  <a:extLst>
                    <a:ext uri="{9D8B030D-6E8A-4147-A177-3AD203B41FA5}">
                      <a16:colId xmlns:a16="http://schemas.microsoft.com/office/drawing/2014/main" val="2492517590"/>
                    </a:ext>
                  </a:extLst>
                </a:gridCol>
                <a:gridCol w="605535">
                  <a:extLst>
                    <a:ext uri="{9D8B030D-6E8A-4147-A177-3AD203B41FA5}">
                      <a16:colId xmlns:a16="http://schemas.microsoft.com/office/drawing/2014/main" val="1059226476"/>
                    </a:ext>
                  </a:extLst>
                </a:gridCol>
                <a:gridCol w="605535">
                  <a:extLst>
                    <a:ext uri="{9D8B030D-6E8A-4147-A177-3AD203B41FA5}">
                      <a16:colId xmlns:a16="http://schemas.microsoft.com/office/drawing/2014/main" val="3997801999"/>
                    </a:ext>
                  </a:extLst>
                </a:gridCol>
                <a:gridCol w="605535">
                  <a:extLst>
                    <a:ext uri="{9D8B030D-6E8A-4147-A177-3AD203B41FA5}">
                      <a16:colId xmlns:a16="http://schemas.microsoft.com/office/drawing/2014/main" val="1038009570"/>
                    </a:ext>
                  </a:extLst>
                </a:gridCol>
                <a:gridCol w="1117913">
                  <a:extLst>
                    <a:ext uri="{9D8B030D-6E8A-4147-A177-3AD203B41FA5}">
                      <a16:colId xmlns:a16="http://schemas.microsoft.com/office/drawing/2014/main" val="290029143"/>
                    </a:ext>
                  </a:extLst>
                </a:gridCol>
              </a:tblGrid>
              <a:tr h="372915">
                <a:tc>
                  <a:txBody>
                    <a:bodyPr/>
                    <a:lstStyle/>
                    <a:p>
                      <a:pPr marL="0" marR="0" algn="ctr">
                        <a:spcBef>
                          <a:spcPts val="0"/>
                        </a:spcBef>
                        <a:spcAft>
                          <a:spcPts val="0"/>
                        </a:spcAft>
                      </a:pPr>
                      <a:r>
                        <a:rPr lang="en-US" sz="1100" b="1">
                          <a:solidFill>
                            <a:srgbClr val="FFFFFF"/>
                          </a:solidFill>
                          <a:effectLst/>
                          <a:latin typeface="Calibri" panose="020F0502020204030204" pitchFamily="34" charset="0"/>
                          <a:ea typeface="Calibri" panose="020F0502020204030204" pitchFamily="34" charset="0"/>
                        </a:rPr>
                        <a:t>Meeting Date</a:t>
                      </a:r>
                      <a:endParaRPr lang="en-US" sz="1050">
                        <a:effectLst/>
                        <a:latin typeface="Calibri" panose="020F0502020204030204" pitchFamily="34" charset="0"/>
                        <a:ea typeface="Calibri" panose="020F0502020204030204" pitchFamily="34" charset="0"/>
                      </a:endParaRPr>
                    </a:p>
                  </a:txBody>
                  <a:tcPr marL="68580" marR="6858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100-125</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125-150</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150-175</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175-200</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200-225</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225-250</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250-275</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275-300</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300-325</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325-350</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350-375</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375-400</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400-425</a:t>
                      </a:r>
                    </a:p>
                  </a:txBody>
                  <a:tcPr marL="0" marR="0" marT="0" marB="0" anchor="ctr">
                    <a:lnL>
                      <a:noFill/>
                    </a:lnL>
                    <a:lnR>
                      <a:noFill/>
                    </a:lnR>
                    <a:lnT>
                      <a:noFill/>
                    </a:lnT>
                    <a:lnB>
                      <a:noFill/>
                    </a:lnB>
                    <a:solidFill>
                      <a:srgbClr val="004578"/>
                    </a:solidFill>
                  </a:tcPr>
                </a:tc>
                <a:tc>
                  <a:txBody>
                    <a:bodyPr/>
                    <a:lstStyle/>
                    <a:p>
                      <a:pPr algn="ctr" fontAlgn="b"/>
                      <a:r>
                        <a:rPr lang="en-US" sz="1100" b="0" i="0" u="none" strike="noStrike">
                          <a:solidFill>
                            <a:schemeClr val="bg1"/>
                          </a:solidFill>
                          <a:effectLst/>
                          <a:latin typeface="Calibri" panose="020F0502020204030204" pitchFamily="34" charset="0"/>
                        </a:rPr>
                        <a:t>425+</a:t>
                      </a:r>
                    </a:p>
                  </a:txBody>
                  <a:tcPr marL="0" marR="0" marT="0" marB="0" anchor="ctr">
                    <a:lnL>
                      <a:noFill/>
                    </a:lnL>
                    <a:lnR>
                      <a:noFill/>
                    </a:lnR>
                    <a:lnT>
                      <a:noFill/>
                    </a:lnT>
                    <a:lnB>
                      <a:noFill/>
                    </a:lnB>
                    <a:solidFill>
                      <a:srgbClr val="004578"/>
                    </a:solidFill>
                  </a:tcPr>
                </a:tc>
                <a:tc>
                  <a:txBody>
                    <a:bodyPr/>
                    <a:lstStyle/>
                    <a:p>
                      <a:pPr marL="0" marR="0" algn="ctr">
                        <a:spcBef>
                          <a:spcPts val="0"/>
                        </a:spcBef>
                        <a:spcAft>
                          <a:spcPts val="0"/>
                        </a:spcAft>
                      </a:pPr>
                      <a:r>
                        <a:rPr lang="en-US" sz="1100" b="0">
                          <a:solidFill>
                            <a:srgbClr val="FFFFFF"/>
                          </a:solidFill>
                          <a:effectLst/>
                          <a:latin typeface="Calibri" panose="020F0502020204030204" pitchFamily="34" charset="0"/>
                          <a:ea typeface="Calibri" panose="020F0502020204030204" pitchFamily="34" charset="0"/>
                        </a:rPr>
                        <a:t>Implied market # of total hikes</a:t>
                      </a:r>
                    </a:p>
                  </a:txBody>
                  <a:tcPr marL="68580" marR="68580" marT="0" marB="0" anchor="b">
                    <a:lnL>
                      <a:noFill/>
                    </a:lnL>
                    <a:lnR>
                      <a:noFill/>
                    </a:lnR>
                    <a:lnT>
                      <a:noFill/>
                    </a:lnT>
                    <a:lnB>
                      <a:noFill/>
                    </a:lnB>
                    <a:solidFill>
                      <a:srgbClr val="004578"/>
                    </a:solidFill>
                  </a:tcPr>
                </a:tc>
                <a:extLst>
                  <a:ext uri="{0D108BD9-81ED-4DB2-BD59-A6C34878D82A}">
                    <a16:rowId xmlns:a16="http://schemas.microsoft.com/office/drawing/2014/main" val="3723318767"/>
                  </a:ext>
                </a:extLst>
              </a:tr>
              <a:tr h="210312">
                <a:tc>
                  <a:txBody>
                    <a:bodyPr/>
                    <a:lstStyle/>
                    <a:p>
                      <a:pPr marL="0" marR="0" algn="ctr">
                        <a:spcBef>
                          <a:spcPts val="0"/>
                        </a:spcBef>
                        <a:spcAft>
                          <a:spcPts val="0"/>
                        </a:spcAft>
                      </a:pPr>
                      <a:r>
                        <a:rPr lang="en-US" sz="1100" b="1" u="sng">
                          <a:solidFill>
                            <a:srgbClr val="FFFFFF"/>
                          </a:solidFill>
                          <a:effectLst/>
                          <a:latin typeface="Calibri" panose="020F0502020204030204" pitchFamily="34" charset="0"/>
                          <a:ea typeface="Calibri" panose="020F0502020204030204" pitchFamily="34" charset="0"/>
                        </a:rPr>
                        <a:t>Jun-22</a:t>
                      </a:r>
                      <a:endParaRPr lang="en-US" sz="1050" u="sng">
                        <a:effectLst/>
                        <a:latin typeface="Calibri" panose="020F0502020204030204" pitchFamily="34" charset="0"/>
                        <a:ea typeface="Calibri" panose="020F0502020204030204" pitchFamily="34" charset="0"/>
                      </a:endParaRPr>
                    </a:p>
                  </a:txBody>
                  <a:tcPr marL="68580" marR="68580" marT="0" marB="0" anchor="ctr">
                    <a:lnL>
                      <a:noFill/>
                    </a:lnL>
                    <a:lnR>
                      <a:noFill/>
                    </a:lnR>
                    <a:lnT>
                      <a:noFill/>
                    </a:lnT>
                    <a:lnB>
                      <a:noFill/>
                    </a:lnB>
                    <a:solidFill>
                      <a:srgbClr val="004578"/>
                    </a:solidFill>
                  </a:tcPr>
                </a:tc>
                <a:tc>
                  <a:txBody>
                    <a:bodyPr/>
                    <a:lstStyle/>
                    <a:p>
                      <a:pPr algn="ctr" fontAlgn="ctr"/>
                      <a:r>
                        <a:rPr lang="en-US" sz="1100" b="0" i="0" u="none" strike="noStrike">
                          <a:solidFill>
                            <a:srgbClr val="000000"/>
                          </a:solidFill>
                          <a:effectLst/>
                          <a:latin typeface="Calibri" panose="020F0502020204030204" pitchFamily="34" charset="0"/>
                        </a:rPr>
                        <a:t>12.9%</a:t>
                      </a:r>
                    </a:p>
                  </a:txBody>
                  <a:tcPr marL="0" marR="0" marT="0" marB="0" anchor="ctr">
                    <a:lnL>
                      <a:noFill/>
                    </a:lnL>
                    <a:lnR>
                      <a:noFill/>
                    </a:lnR>
                    <a:lnT>
                      <a:noFill/>
                    </a:lnT>
                    <a:lnB>
                      <a:noFill/>
                    </a:lnB>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87.1%</a:t>
                      </a:r>
                    </a:p>
                  </a:txBody>
                  <a:tcPr marL="0" marR="0" marT="0" marB="0" anchor="ctr">
                    <a:lnL>
                      <a:noFill/>
                    </a:lnL>
                    <a:lnR>
                      <a:noFill/>
                    </a:lnR>
                    <a:lnT>
                      <a:noFill/>
                    </a:lnT>
                    <a:lnB>
                      <a:noFill/>
                    </a:lnB>
                    <a:solidFill>
                      <a:srgbClr val="4CB5E6"/>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b"/>
                      <a:r>
                        <a:rPr lang="en-US" sz="1100" b="0" i="0" u="none" strike="noStrike">
                          <a:solidFill>
                            <a:srgbClr val="1F2322"/>
                          </a:solidFill>
                          <a:effectLst/>
                          <a:latin typeface="Calibri" panose="020F0502020204030204" pitchFamily="34" charset="0"/>
                        </a:rPr>
                        <a:t>4.9</a:t>
                      </a:r>
                    </a:p>
                  </a:txBody>
                  <a:tcPr marL="0" marR="0" marT="0" marB="0" anchor="ctr">
                    <a:lnL>
                      <a:noFill/>
                    </a:lnL>
                    <a:lnR>
                      <a:noFill/>
                    </a:lnR>
                    <a:lnT>
                      <a:noFill/>
                    </a:lnT>
                    <a:lnB>
                      <a:noFill/>
                    </a:lnB>
                    <a:solidFill>
                      <a:schemeClr val="bg1">
                        <a:lumMod val="95000"/>
                      </a:schemeClr>
                    </a:solidFill>
                  </a:tcPr>
                </a:tc>
                <a:extLst>
                  <a:ext uri="{0D108BD9-81ED-4DB2-BD59-A6C34878D82A}">
                    <a16:rowId xmlns:a16="http://schemas.microsoft.com/office/drawing/2014/main" val="672716025"/>
                  </a:ext>
                </a:extLst>
              </a:tr>
              <a:tr h="210312">
                <a:tc>
                  <a:txBody>
                    <a:bodyPr/>
                    <a:lstStyle/>
                    <a:p>
                      <a:pPr marL="0" marR="0" algn="ctr">
                        <a:spcBef>
                          <a:spcPts val="0"/>
                        </a:spcBef>
                        <a:spcAft>
                          <a:spcPts val="0"/>
                        </a:spcAft>
                      </a:pPr>
                      <a:r>
                        <a:rPr lang="en-US" sz="1100" b="1" u="sng">
                          <a:solidFill>
                            <a:srgbClr val="FFFFFF"/>
                          </a:solidFill>
                          <a:effectLst/>
                          <a:latin typeface="Calibri" panose="020F0502020204030204" pitchFamily="34" charset="0"/>
                          <a:ea typeface="Calibri" panose="020F0502020204030204" pitchFamily="34" charset="0"/>
                        </a:rPr>
                        <a:t>Jul-22</a:t>
                      </a:r>
                      <a:endParaRPr lang="en-US" sz="1050" u="sng">
                        <a:effectLst/>
                        <a:latin typeface="Calibri" panose="020F0502020204030204" pitchFamily="34" charset="0"/>
                        <a:ea typeface="Calibri" panose="020F0502020204030204" pitchFamily="34" charset="0"/>
                      </a:endParaRPr>
                    </a:p>
                  </a:txBody>
                  <a:tcPr marL="68580" marR="68580" marT="0" marB="0" anchor="ctr">
                    <a:lnL>
                      <a:noFill/>
                    </a:lnL>
                    <a:lnR>
                      <a:noFill/>
                    </a:lnR>
                    <a:lnT>
                      <a:noFill/>
                    </a:lnT>
                    <a:lnB>
                      <a:noFill/>
                    </a:lnB>
                    <a:solidFill>
                      <a:srgbClr val="004578"/>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3%</a:t>
                      </a:r>
                    </a:p>
                  </a:txBody>
                  <a:tcPr marL="0" marR="0" marT="0" marB="0" anchor="ctr">
                    <a:lnL>
                      <a:noFill/>
                    </a:lnL>
                    <a:lnR>
                      <a:noFill/>
                    </a:lnR>
                    <a:lnT>
                      <a:noFill/>
                    </a:lnT>
                    <a:lnB>
                      <a:noFill/>
                    </a:lnB>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14.4%</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85.3%</a:t>
                      </a:r>
                    </a:p>
                  </a:txBody>
                  <a:tcPr marL="0" marR="0" marT="0" marB="0" anchor="ctr">
                    <a:lnL>
                      <a:noFill/>
                    </a:lnL>
                    <a:lnR>
                      <a:noFill/>
                    </a:lnR>
                    <a:lnT>
                      <a:noFill/>
                    </a:lnT>
                    <a:lnB>
                      <a:noFill/>
                    </a:lnB>
                    <a:lnTlToBr w="12700" cmpd="sng">
                      <a:noFill/>
                      <a:prstDash val="solid"/>
                    </a:lnTlToBr>
                    <a:lnBlToTr w="12700" cmpd="sng">
                      <a:noFill/>
                      <a:prstDash val="solid"/>
                    </a:lnBlToTr>
                    <a:solidFill>
                      <a:srgbClr val="4CB5E6"/>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b"/>
                      <a:r>
                        <a:rPr lang="en-US" sz="1100" b="0" i="0" u="none" strike="noStrike">
                          <a:solidFill>
                            <a:srgbClr val="1F2322"/>
                          </a:solidFill>
                          <a:effectLst/>
                          <a:latin typeface="Calibri" panose="020F0502020204030204" pitchFamily="34" charset="0"/>
                        </a:rPr>
                        <a:t>6.9</a:t>
                      </a:r>
                    </a:p>
                  </a:txBody>
                  <a:tcPr marL="0" marR="0" marT="0" marB="0" anchor="ctr">
                    <a:lnL>
                      <a:noFill/>
                    </a:lnL>
                    <a:lnR>
                      <a:noFill/>
                    </a:lnR>
                    <a:lnT>
                      <a:noFill/>
                    </a:lnT>
                    <a:lnB>
                      <a:noFill/>
                    </a:lnB>
                    <a:solidFill>
                      <a:schemeClr val="bg1">
                        <a:lumMod val="95000"/>
                      </a:schemeClr>
                    </a:solidFill>
                  </a:tcPr>
                </a:tc>
                <a:extLst>
                  <a:ext uri="{0D108BD9-81ED-4DB2-BD59-A6C34878D82A}">
                    <a16:rowId xmlns:a16="http://schemas.microsoft.com/office/drawing/2014/main" val="32151602"/>
                  </a:ext>
                </a:extLst>
              </a:tr>
              <a:tr h="210312">
                <a:tc>
                  <a:txBody>
                    <a:bodyPr/>
                    <a:lstStyle/>
                    <a:p>
                      <a:pPr marL="0" marR="0" algn="ctr">
                        <a:spcBef>
                          <a:spcPts val="0"/>
                        </a:spcBef>
                        <a:spcAft>
                          <a:spcPts val="0"/>
                        </a:spcAft>
                      </a:pPr>
                      <a:r>
                        <a:rPr lang="en-US" sz="1100" b="1" u="sng">
                          <a:solidFill>
                            <a:srgbClr val="FFFFFF"/>
                          </a:solidFill>
                          <a:effectLst/>
                          <a:latin typeface="Calibri" panose="020F0502020204030204" pitchFamily="34" charset="0"/>
                          <a:ea typeface="Calibri" panose="020F0502020204030204" pitchFamily="34" charset="0"/>
                        </a:rPr>
                        <a:t>Sep-22</a:t>
                      </a:r>
                      <a:endParaRPr lang="en-US" sz="1050" u="sng">
                        <a:effectLst/>
                        <a:latin typeface="Calibri" panose="020F0502020204030204" pitchFamily="34" charset="0"/>
                        <a:ea typeface="Calibri" panose="020F0502020204030204" pitchFamily="34" charset="0"/>
                      </a:endParaRPr>
                    </a:p>
                  </a:txBody>
                  <a:tcPr marL="68580" marR="68580" marT="0" marB="0" anchor="ctr">
                    <a:lnL>
                      <a:noFill/>
                    </a:lnL>
                    <a:lnR>
                      <a:noFill/>
                    </a:lnR>
                    <a:lnT>
                      <a:noFill/>
                    </a:lnT>
                    <a:lnB>
                      <a:noFill/>
                    </a:lnB>
                    <a:solidFill>
                      <a:srgbClr val="004578"/>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1%</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7.3%</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49.9%</a:t>
                      </a:r>
                    </a:p>
                  </a:txBody>
                  <a:tcPr marL="0" marR="0" marT="0" marB="0" anchor="ctr">
                    <a:lnL>
                      <a:noFill/>
                    </a:lnL>
                    <a:lnR>
                      <a:noFill/>
                    </a:lnR>
                    <a:lnT>
                      <a:noFill/>
                    </a:lnT>
                    <a:lnB>
                      <a:noFill/>
                    </a:lnB>
                    <a:lnTlToBr w="12700" cmpd="sng">
                      <a:noFill/>
                      <a:prstDash val="solid"/>
                    </a:lnTlToBr>
                    <a:lnBlToTr w="12700" cmpd="sng">
                      <a:noFill/>
                      <a:prstDash val="solid"/>
                    </a:lnBlToTr>
                    <a:solidFill>
                      <a:srgbClr val="4CB5E6"/>
                    </a:solidFill>
                  </a:tcPr>
                </a:tc>
                <a:tc>
                  <a:txBody>
                    <a:bodyPr/>
                    <a:lstStyle/>
                    <a:p>
                      <a:pPr algn="ctr" fontAlgn="ctr"/>
                      <a:r>
                        <a:rPr lang="en-US" sz="1100" b="0" i="0" u="none" strike="noStrike">
                          <a:solidFill>
                            <a:srgbClr val="000000"/>
                          </a:solidFill>
                          <a:effectLst/>
                          <a:latin typeface="Calibri" panose="020F0502020204030204" pitchFamily="34" charset="0"/>
                        </a:rPr>
                        <a:t>42.7%</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b"/>
                      <a:r>
                        <a:rPr lang="en-US" sz="1100" b="0" i="0" u="none" strike="noStrike">
                          <a:solidFill>
                            <a:srgbClr val="1F2322"/>
                          </a:solidFill>
                          <a:effectLst/>
                          <a:latin typeface="Calibri" panose="020F0502020204030204" pitchFamily="34" charset="0"/>
                        </a:rPr>
                        <a:t>8.4</a:t>
                      </a:r>
                    </a:p>
                  </a:txBody>
                  <a:tcPr marL="0" marR="0" marT="0" marB="0" anchor="ctr">
                    <a:lnL>
                      <a:noFill/>
                    </a:lnL>
                    <a:lnR>
                      <a:noFill/>
                    </a:lnR>
                    <a:lnT>
                      <a:noFill/>
                    </a:lnT>
                    <a:lnB>
                      <a:noFill/>
                    </a:lnB>
                    <a:solidFill>
                      <a:schemeClr val="bg1">
                        <a:lumMod val="95000"/>
                      </a:schemeClr>
                    </a:solidFill>
                  </a:tcPr>
                </a:tc>
                <a:extLst>
                  <a:ext uri="{0D108BD9-81ED-4DB2-BD59-A6C34878D82A}">
                    <a16:rowId xmlns:a16="http://schemas.microsoft.com/office/drawing/2014/main" val="1619347682"/>
                  </a:ext>
                </a:extLst>
              </a:tr>
              <a:tr h="210312">
                <a:tc>
                  <a:txBody>
                    <a:bodyPr/>
                    <a:lstStyle/>
                    <a:p>
                      <a:pPr marL="0" marR="0" algn="ctr">
                        <a:spcBef>
                          <a:spcPts val="0"/>
                        </a:spcBef>
                        <a:spcAft>
                          <a:spcPts val="0"/>
                        </a:spcAft>
                      </a:pPr>
                      <a:r>
                        <a:rPr lang="en-US" sz="1100" b="1" u="sng">
                          <a:solidFill>
                            <a:srgbClr val="FFFFFF"/>
                          </a:solidFill>
                          <a:effectLst/>
                          <a:latin typeface="Calibri" panose="020F0502020204030204" pitchFamily="34" charset="0"/>
                          <a:ea typeface="Calibri" panose="020F0502020204030204" pitchFamily="34" charset="0"/>
                        </a:rPr>
                        <a:t>Nov-22</a:t>
                      </a:r>
                      <a:endParaRPr lang="en-US" sz="1050" u="sng">
                        <a:effectLst/>
                        <a:latin typeface="Calibri" panose="020F0502020204030204" pitchFamily="34" charset="0"/>
                        <a:ea typeface="Calibri" panose="020F0502020204030204" pitchFamily="34" charset="0"/>
                      </a:endParaRPr>
                    </a:p>
                  </a:txBody>
                  <a:tcPr marL="68580" marR="68580" marT="0" marB="0" anchor="ctr">
                    <a:lnL>
                      <a:noFill/>
                    </a:lnL>
                    <a:lnR>
                      <a:noFill/>
                    </a:lnR>
                    <a:lnT>
                      <a:noFill/>
                    </a:lnT>
                    <a:lnB>
                      <a:noFill/>
                    </a:lnB>
                    <a:solidFill>
                      <a:srgbClr val="004578"/>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1%</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5.8%</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40.9%</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44.2%</a:t>
                      </a:r>
                    </a:p>
                  </a:txBody>
                  <a:tcPr marL="0" marR="0" marT="0" marB="0" anchor="ctr">
                    <a:lnL>
                      <a:noFill/>
                    </a:lnL>
                    <a:lnR>
                      <a:noFill/>
                    </a:lnR>
                    <a:lnT>
                      <a:noFill/>
                    </a:lnT>
                    <a:lnB>
                      <a:noFill/>
                    </a:lnB>
                    <a:lnTlToBr w="12700" cmpd="sng">
                      <a:noFill/>
                      <a:prstDash val="solid"/>
                    </a:lnTlToBr>
                    <a:lnBlToTr w="12700" cmpd="sng">
                      <a:noFill/>
                      <a:prstDash val="solid"/>
                    </a:lnBlToTr>
                    <a:solidFill>
                      <a:srgbClr val="4CB5E6"/>
                    </a:solidFill>
                  </a:tcPr>
                </a:tc>
                <a:tc>
                  <a:txBody>
                    <a:bodyPr/>
                    <a:lstStyle/>
                    <a:p>
                      <a:pPr algn="ctr" fontAlgn="ctr"/>
                      <a:r>
                        <a:rPr lang="en-US" sz="1100" b="0" i="0" u="none" strike="noStrike">
                          <a:solidFill>
                            <a:srgbClr val="000000"/>
                          </a:solidFill>
                          <a:effectLst/>
                          <a:latin typeface="Calibri" panose="020F0502020204030204" pitchFamily="34" charset="0"/>
                        </a:rPr>
                        <a:t>9.0%</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b"/>
                      <a:r>
                        <a:rPr lang="en-US" sz="1100" b="0" i="0" u="none" strike="noStrike">
                          <a:solidFill>
                            <a:srgbClr val="1F2322"/>
                          </a:solidFill>
                          <a:effectLst/>
                          <a:latin typeface="Calibri" panose="020F0502020204030204" pitchFamily="34" charset="0"/>
                        </a:rPr>
                        <a:t>9.6</a:t>
                      </a:r>
                    </a:p>
                  </a:txBody>
                  <a:tcPr marL="0" marR="0" marT="0" marB="0" anchor="ctr">
                    <a:lnL>
                      <a:noFill/>
                    </a:lnL>
                    <a:lnR>
                      <a:noFill/>
                    </a:lnR>
                    <a:lnT>
                      <a:noFill/>
                    </a:lnT>
                    <a:lnB>
                      <a:noFill/>
                    </a:lnB>
                    <a:solidFill>
                      <a:schemeClr val="bg1">
                        <a:lumMod val="95000"/>
                      </a:schemeClr>
                    </a:solidFill>
                  </a:tcPr>
                </a:tc>
                <a:extLst>
                  <a:ext uri="{0D108BD9-81ED-4DB2-BD59-A6C34878D82A}">
                    <a16:rowId xmlns:a16="http://schemas.microsoft.com/office/drawing/2014/main" val="1997051991"/>
                  </a:ext>
                </a:extLst>
              </a:tr>
              <a:tr h="210312">
                <a:tc>
                  <a:txBody>
                    <a:bodyPr/>
                    <a:lstStyle/>
                    <a:p>
                      <a:pPr marL="0" marR="0" algn="ctr">
                        <a:spcBef>
                          <a:spcPts val="0"/>
                        </a:spcBef>
                        <a:spcAft>
                          <a:spcPts val="0"/>
                        </a:spcAft>
                      </a:pPr>
                      <a:r>
                        <a:rPr lang="en-US" sz="1100" b="1" u="sng">
                          <a:solidFill>
                            <a:srgbClr val="FFFFFF"/>
                          </a:solidFill>
                          <a:effectLst/>
                          <a:latin typeface="Calibri" panose="020F0502020204030204" pitchFamily="34" charset="0"/>
                          <a:ea typeface="Calibri" panose="020F0502020204030204" pitchFamily="34" charset="0"/>
                        </a:rPr>
                        <a:t>Dec-22</a:t>
                      </a:r>
                      <a:endParaRPr lang="en-US" sz="1050" u="sng">
                        <a:effectLst/>
                        <a:latin typeface="Calibri" panose="020F0502020204030204" pitchFamily="34" charset="0"/>
                        <a:ea typeface="Calibri" panose="020F0502020204030204" pitchFamily="34" charset="0"/>
                      </a:endParaRPr>
                    </a:p>
                  </a:txBody>
                  <a:tcPr marL="68580" marR="68580" marT="0" marB="0" anchor="ctr">
                    <a:lnL>
                      <a:noFill/>
                    </a:lnL>
                    <a:lnR>
                      <a:noFill/>
                    </a:lnR>
                    <a:lnT>
                      <a:noFill/>
                    </a:lnT>
                    <a:lnB>
                      <a:noFill/>
                    </a:lnB>
                    <a:solidFill>
                      <a:srgbClr val="004578"/>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1%</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5.3%</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37.5%</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43.9%</a:t>
                      </a:r>
                    </a:p>
                  </a:txBody>
                  <a:tcPr marL="0" marR="0" marT="0" marB="0" anchor="ctr">
                    <a:lnL>
                      <a:noFill/>
                    </a:lnL>
                    <a:lnR>
                      <a:noFill/>
                    </a:lnR>
                    <a:lnT>
                      <a:noFill/>
                    </a:lnT>
                    <a:lnB>
                      <a:noFill/>
                    </a:lnB>
                    <a:lnTlToBr w="12700" cmpd="sng">
                      <a:noFill/>
                      <a:prstDash val="solid"/>
                    </a:lnTlToBr>
                    <a:lnBlToTr w="12700" cmpd="sng">
                      <a:noFill/>
                      <a:prstDash val="solid"/>
                    </a:lnBlToTr>
                    <a:solidFill>
                      <a:srgbClr val="4CB5E6"/>
                    </a:solidFill>
                  </a:tcPr>
                </a:tc>
                <a:tc>
                  <a:txBody>
                    <a:bodyPr/>
                    <a:lstStyle/>
                    <a:p>
                      <a:pPr algn="ctr" fontAlgn="ctr"/>
                      <a:r>
                        <a:rPr lang="en-US" sz="1100" b="0" i="0" u="none" strike="noStrike">
                          <a:solidFill>
                            <a:srgbClr val="000000"/>
                          </a:solidFill>
                          <a:effectLst/>
                          <a:latin typeface="Calibri" panose="020F0502020204030204" pitchFamily="34" charset="0"/>
                        </a:rPr>
                        <a:t>12.4%</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9%</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b"/>
                      <a:r>
                        <a:rPr lang="en-US" sz="1100" b="0" i="0" u="none" strike="noStrike">
                          <a:solidFill>
                            <a:srgbClr val="1F2322"/>
                          </a:solidFill>
                          <a:effectLst/>
                          <a:latin typeface="Calibri" panose="020F0502020204030204" pitchFamily="34" charset="0"/>
                        </a:rPr>
                        <a:t>10.7</a:t>
                      </a:r>
                    </a:p>
                  </a:txBody>
                  <a:tcPr marL="0" marR="0" marT="0" marB="0" anchor="ctr">
                    <a:lnL>
                      <a:noFill/>
                    </a:lnL>
                    <a:lnR>
                      <a:noFill/>
                    </a:lnR>
                    <a:lnT>
                      <a:noFill/>
                    </a:lnT>
                    <a:lnB>
                      <a:noFill/>
                    </a:lnB>
                    <a:solidFill>
                      <a:schemeClr val="bg1">
                        <a:lumMod val="95000"/>
                      </a:schemeClr>
                    </a:solidFill>
                  </a:tcPr>
                </a:tc>
                <a:extLst>
                  <a:ext uri="{0D108BD9-81ED-4DB2-BD59-A6C34878D82A}">
                    <a16:rowId xmlns:a16="http://schemas.microsoft.com/office/drawing/2014/main" val="132432776"/>
                  </a:ext>
                </a:extLst>
              </a:tr>
              <a:tr h="210312">
                <a:tc>
                  <a:txBody>
                    <a:bodyPr/>
                    <a:lstStyle/>
                    <a:p>
                      <a:pPr marL="0" marR="0" algn="ctr">
                        <a:spcBef>
                          <a:spcPts val="0"/>
                        </a:spcBef>
                        <a:spcAft>
                          <a:spcPts val="0"/>
                        </a:spcAft>
                      </a:pPr>
                      <a:r>
                        <a:rPr lang="en-US" sz="1100" b="1" u="sng">
                          <a:solidFill>
                            <a:srgbClr val="FFFFFF"/>
                          </a:solidFill>
                          <a:effectLst/>
                          <a:latin typeface="Calibri" panose="020F0502020204030204" pitchFamily="34" charset="0"/>
                          <a:ea typeface="Calibri" panose="020F0502020204030204" pitchFamily="34" charset="0"/>
                        </a:rPr>
                        <a:t>Feb-23</a:t>
                      </a:r>
                      <a:endParaRPr lang="en-US" sz="1050" u="sng">
                        <a:effectLst/>
                        <a:latin typeface="Calibri" panose="020F0502020204030204" pitchFamily="34" charset="0"/>
                        <a:ea typeface="Calibri" panose="020F0502020204030204" pitchFamily="34" charset="0"/>
                      </a:endParaRPr>
                    </a:p>
                  </a:txBody>
                  <a:tcPr marL="68580" marR="68580" marT="0" marB="0" anchor="ctr">
                    <a:lnL>
                      <a:noFill/>
                    </a:lnL>
                    <a:lnR>
                      <a:noFill/>
                    </a:lnR>
                    <a:lnT>
                      <a:noFill/>
                    </a:lnT>
                    <a:lnB>
                      <a:noFill/>
                    </a:lnB>
                    <a:solidFill>
                      <a:srgbClr val="004578"/>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2.0%</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16.9%</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39.8%</a:t>
                      </a:r>
                    </a:p>
                  </a:txBody>
                  <a:tcPr marL="0" marR="0" marT="0" marB="0" anchor="ctr">
                    <a:lnL>
                      <a:noFill/>
                    </a:lnL>
                    <a:lnR>
                      <a:noFill/>
                    </a:lnR>
                    <a:lnT>
                      <a:noFill/>
                    </a:lnT>
                    <a:lnB>
                      <a:noFill/>
                    </a:lnB>
                    <a:lnTlToBr w="12700" cmpd="sng">
                      <a:noFill/>
                      <a:prstDash val="solid"/>
                    </a:lnTlToBr>
                    <a:lnBlToTr w="12700" cmpd="sng">
                      <a:noFill/>
                      <a:prstDash val="solid"/>
                    </a:lnBlToTr>
                    <a:solidFill>
                      <a:srgbClr val="4CB5E6"/>
                    </a:solidFill>
                  </a:tcPr>
                </a:tc>
                <a:tc>
                  <a:txBody>
                    <a:bodyPr/>
                    <a:lstStyle/>
                    <a:p>
                      <a:pPr algn="ctr" fontAlgn="ctr"/>
                      <a:r>
                        <a:rPr lang="en-US" sz="1100" b="0" i="0" u="none" strike="noStrike">
                          <a:solidFill>
                            <a:srgbClr val="000000"/>
                          </a:solidFill>
                          <a:effectLst/>
                          <a:latin typeface="Calibri" panose="020F0502020204030204" pitchFamily="34" charset="0"/>
                        </a:rPr>
                        <a:t>32.5%</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8.2%</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6%</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b"/>
                      <a:r>
                        <a:rPr lang="en-US" sz="1100" b="0" i="0" u="none" strike="noStrike">
                          <a:solidFill>
                            <a:srgbClr val="1F2322"/>
                          </a:solidFill>
                          <a:effectLst/>
                          <a:latin typeface="Calibri" panose="020F0502020204030204" pitchFamily="34" charset="0"/>
                        </a:rPr>
                        <a:t>11.3</a:t>
                      </a:r>
                    </a:p>
                  </a:txBody>
                  <a:tcPr marL="0" marR="0" marT="0" marB="0" anchor="ctr">
                    <a:lnL>
                      <a:noFill/>
                    </a:lnL>
                    <a:lnR>
                      <a:noFill/>
                    </a:lnR>
                    <a:lnT>
                      <a:noFill/>
                    </a:lnT>
                    <a:lnB>
                      <a:noFill/>
                    </a:lnB>
                    <a:solidFill>
                      <a:schemeClr val="bg1">
                        <a:lumMod val="95000"/>
                      </a:schemeClr>
                    </a:solidFill>
                  </a:tcPr>
                </a:tc>
                <a:extLst>
                  <a:ext uri="{0D108BD9-81ED-4DB2-BD59-A6C34878D82A}">
                    <a16:rowId xmlns:a16="http://schemas.microsoft.com/office/drawing/2014/main" val="2643291375"/>
                  </a:ext>
                </a:extLst>
              </a:tr>
              <a:tr h="210312">
                <a:tc>
                  <a:txBody>
                    <a:bodyPr/>
                    <a:lstStyle/>
                    <a:p>
                      <a:pPr marL="0" marR="0" algn="ctr">
                        <a:spcBef>
                          <a:spcPts val="0"/>
                        </a:spcBef>
                        <a:spcAft>
                          <a:spcPts val="0"/>
                        </a:spcAft>
                      </a:pPr>
                      <a:r>
                        <a:rPr lang="en-US" sz="1100" b="1" u="sng">
                          <a:solidFill>
                            <a:srgbClr val="FFFFFF"/>
                          </a:solidFill>
                          <a:effectLst/>
                          <a:latin typeface="Calibri" panose="020F0502020204030204" pitchFamily="34" charset="0"/>
                          <a:ea typeface="Calibri" panose="020F0502020204030204" pitchFamily="34" charset="0"/>
                        </a:rPr>
                        <a:t>Mar-23</a:t>
                      </a:r>
                      <a:endParaRPr lang="en-US" sz="1050" u="sng">
                        <a:effectLst/>
                        <a:latin typeface="Calibri" panose="020F0502020204030204" pitchFamily="34" charset="0"/>
                        <a:ea typeface="Calibri" panose="020F0502020204030204" pitchFamily="34" charset="0"/>
                      </a:endParaRPr>
                    </a:p>
                  </a:txBody>
                  <a:tcPr marL="68580" marR="68580" marT="0" marB="0" anchor="ctr">
                    <a:lnL>
                      <a:noFill/>
                    </a:lnL>
                    <a:lnR>
                      <a:noFill/>
                    </a:lnR>
                    <a:lnT>
                      <a:noFill/>
                    </a:lnT>
                    <a:lnB>
                      <a:noFill/>
                    </a:lnB>
                    <a:solidFill>
                      <a:srgbClr val="004578"/>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6%</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6.3%</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23.6%</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37.7%</a:t>
                      </a:r>
                    </a:p>
                  </a:txBody>
                  <a:tcPr marL="0" marR="0" marT="0" marB="0" anchor="ctr">
                    <a:lnL>
                      <a:noFill/>
                    </a:lnL>
                    <a:lnR>
                      <a:noFill/>
                    </a:lnR>
                    <a:lnT>
                      <a:noFill/>
                    </a:lnT>
                    <a:lnB>
                      <a:noFill/>
                    </a:lnB>
                    <a:lnTlToBr w="12700" cmpd="sng">
                      <a:noFill/>
                      <a:prstDash val="solid"/>
                    </a:lnTlToBr>
                    <a:lnBlToTr w="12700" cmpd="sng">
                      <a:noFill/>
                      <a:prstDash val="solid"/>
                    </a:lnBlToTr>
                    <a:solidFill>
                      <a:srgbClr val="4CB5E6"/>
                    </a:solidFill>
                  </a:tcPr>
                </a:tc>
                <a:tc>
                  <a:txBody>
                    <a:bodyPr/>
                    <a:lstStyle/>
                    <a:p>
                      <a:pPr algn="ctr" fontAlgn="ctr"/>
                      <a:r>
                        <a:rPr lang="en-US" sz="1100" b="0" i="0" u="none" strike="noStrike">
                          <a:solidFill>
                            <a:srgbClr val="000000"/>
                          </a:solidFill>
                          <a:effectLst/>
                          <a:latin typeface="Calibri" panose="020F0502020204030204" pitchFamily="34" charset="0"/>
                        </a:rPr>
                        <a:t>25.5%</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6.0%</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4%</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b"/>
                      <a:r>
                        <a:rPr lang="en-US" sz="1100" b="0" i="0" u="none" strike="noStrike">
                          <a:solidFill>
                            <a:srgbClr val="1F2322"/>
                          </a:solidFill>
                          <a:effectLst/>
                          <a:latin typeface="Calibri" panose="020F0502020204030204" pitchFamily="34" charset="0"/>
                        </a:rPr>
                        <a:t>12.0</a:t>
                      </a:r>
                    </a:p>
                  </a:txBody>
                  <a:tcPr marL="0" marR="0" marT="0" marB="0" anchor="ctr">
                    <a:lnL>
                      <a:noFill/>
                    </a:lnL>
                    <a:lnR>
                      <a:noFill/>
                    </a:lnR>
                    <a:lnT>
                      <a:noFill/>
                    </a:lnT>
                    <a:lnB>
                      <a:noFill/>
                    </a:lnB>
                    <a:solidFill>
                      <a:schemeClr val="bg1">
                        <a:lumMod val="95000"/>
                      </a:schemeClr>
                    </a:solidFill>
                  </a:tcPr>
                </a:tc>
                <a:extLst>
                  <a:ext uri="{0D108BD9-81ED-4DB2-BD59-A6C34878D82A}">
                    <a16:rowId xmlns:a16="http://schemas.microsoft.com/office/drawing/2014/main" val="2801186064"/>
                  </a:ext>
                </a:extLst>
              </a:tr>
              <a:tr h="210312">
                <a:tc>
                  <a:txBody>
                    <a:bodyPr/>
                    <a:lstStyle/>
                    <a:p>
                      <a:pPr marL="0" marR="0" algn="ctr">
                        <a:spcBef>
                          <a:spcPts val="0"/>
                        </a:spcBef>
                        <a:spcAft>
                          <a:spcPts val="0"/>
                        </a:spcAft>
                      </a:pPr>
                      <a:r>
                        <a:rPr lang="en-US" sz="1100" b="1" u="sng">
                          <a:solidFill>
                            <a:srgbClr val="FFFFFF"/>
                          </a:solidFill>
                          <a:effectLst/>
                          <a:latin typeface="Calibri" panose="020F0502020204030204" pitchFamily="34" charset="0"/>
                          <a:ea typeface="Calibri" panose="020F0502020204030204" pitchFamily="34" charset="0"/>
                        </a:rPr>
                        <a:t>May-23</a:t>
                      </a:r>
                      <a:endParaRPr lang="en-US" sz="1050" u="sng">
                        <a:effectLst/>
                        <a:latin typeface="Calibri" panose="020F0502020204030204" pitchFamily="34" charset="0"/>
                        <a:ea typeface="Calibri" panose="020F0502020204030204" pitchFamily="34" charset="0"/>
                      </a:endParaRPr>
                    </a:p>
                  </a:txBody>
                  <a:tcPr marL="68580" marR="68580" marT="0" marB="0" anchor="ctr">
                    <a:lnL>
                      <a:noFill/>
                    </a:lnL>
                    <a:lnR>
                      <a:noFill/>
                    </a:lnR>
                    <a:lnT>
                      <a:noFill/>
                    </a:lnT>
                    <a:lnB>
                      <a:noFill/>
                    </a:lnB>
                    <a:solidFill>
                      <a:srgbClr val="004578"/>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4%</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4.3%</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17.5%</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32.7%</a:t>
                      </a:r>
                    </a:p>
                  </a:txBody>
                  <a:tcPr marL="0" marR="0" marT="0" marB="0" anchor="ctr">
                    <a:lnL>
                      <a:noFill/>
                    </a:lnL>
                    <a:lnR>
                      <a:noFill/>
                    </a:lnR>
                    <a:lnT>
                      <a:noFill/>
                    </a:lnT>
                    <a:lnB>
                      <a:noFill/>
                    </a:lnB>
                    <a:lnTlToBr w="12700" cmpd="sng">
                      <a:noFill/>
                      <a:prstDash val="solid"/>
                    </a:lnTlToBr>
                    <a:lnBlToTr w="12700" cmpd="sng">
                      <a:noFill/>
                      <a:prstDash val="solid"/>
                    </a:lnBlToTr>
                    <a:solidFill>
                      <a:srgbClr val="4CB5E6"/>
                    </a:solidFill>
                  </a:tcPr>
                </a:tc>
                <a:tc>
                  <a:txBody>
                    <a:bodyPr/>
                    <a:lstStyle/>
                    <a:p>
                      <a:pPr algn="ctr" fontAlgn="ctr"/>
                      <a:r>
                        <a:rPr lang="en-US" sz="1100" b="0" i="0" u="none" strike="noStrike">
                          <a:solidFill>
                            <a:srgbClr val="000000"/>
                          </a:solidFill>
                          <a:effectLst/>
                          <a:latin typeface="Calibri" panose="020F0502020204030204" pitchFamily="34" charset="0"/>
                        </a:rPr>
                        <a:t>29.8%</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12.9%</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2.4%</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1%</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b"/>
                      <a:r>
                        <a:rPr lang="en-US" sz="1100" b="0" i="0" u="none" strike="noStrike">
                          <a:solidFill>
                            <a:srgbClr val="1F2322"/>
                          </a:solidFill>
                          <a:effectLst/>
                          <a:latin typeface="Calibri" panose="020F0502020204030204" pitchFamily="34" charset="0"/>
                        </a:rPr>
                        <a:t>12.4</a:t>
                      </a:r>
                    </a:p>
                  </a:txBody>
                  <a:tcPr marL="0" marR="0" marT="0" marB="0" anchor="ctr">
                    <a:lnL>
                      <a:noFill/>
                    </a:lnL>
                    <a:lnR>
                      <a:noFill/>
                    </a:lnR>
                    <a:lnT>
                      <a:noFill/>
                    </a:lnT>
                    <a:lnB>
                      <a:noFill/>
                    </a:lnB>
                    <a:solidFill>
                      <a:schemeClr val="bg1">
                        <a:lumMod val="95000"/>
                      </a:schemeClr>
                    </a:solidFill>
                  </a:tcPr>
                </a:tc>
                <a:extLst>
                  <a:ext uri="{0D108BD9-81ED-4DB2-BD59-A6C34878D82A}">
                    <a16:rowId xmlns:a16="http://schemas.microsoft.com/office/drawing/2014/main" val="1391867051"/>
                  </a:ext>
                </a:extLst>
              </a:tr>
              <a:tr h="210312">
                <a:tc>
                  <a:txBody>
                    <a:bodyPr/>
                    <a:lstStyle/>
                    <a:p>
                      <a:pPr marL="0" marR="0" algn="ctr">
                        <a:spcBef>
                          <a:spcPts val="0"/>
                        </a:spcBef>
                        <a:spcAft>
                          <a:spcPts val="0"/>
                        </a:spcAft>
                      </a:pPr>
                      <a:r>
                        <a:rPr lang="en-US" sz="1100" b="1" u="sng">
                          <a:solidFill>
                            <a:srgbClr val="FFFFFF"/>
                          </a:solidFill>
                          <a:effectLst/>
                          <a:latin typeface="Calibri" panose="020F0502020204030204" pitchFamily="34" charset="0"/>
                          <a:ea typeface="Calibri" panose="020F0502020204030204" pitchFamily="34" charset="0"/>
                        </a:rPr>
                        <a:t>Jun-23</a:t>
                      </a:r>
                      <a:endParaRPr lang="en-US" sz="1050" u="sng">
                        <a:effectLst/>
                        <a:latin typeface="Calibri" panose="020F0502020204030204" pitchFamily="34" charset="0"/>
                        <a:ea typeface="Calibri" panose="020F0502020204030204" pitchFamily="34" charset="0"/>
                      </a:endParaRPr>
                    </a:p>
                  </a:txBody>
                  <a:tcPr marL="68580" marR="68580" marT="0" marB="0" anchor="ctr">
                    <a:lnL>
                      <a:noFill/>
                    </a:lnL>
                    <a:lnR>
                      <a:noFill/>
                    </a:lnR>
                    <a:lnT>
                      <a:noFill/>
                    </a:lnT>
                    <a:lnB>
                      <a:noFill/>
                    </a:lnB>
                    <a:solidFill>
                      <a:srgbClr val="004578"/>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3%</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2.9%</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12.9%</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27.4%</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30.8%</a:t>
                      </a:r>
                    </a:p>
                  </a:txBody>
                  <a:tcPr marL="0" marR="0" marT="0" marB="0" anchor="ctr">
                    <a:lnL>
                      <a:noFill/>
                    </a:lnL>
                    <a:lnR>
                      <a:noFill/>
                    </a:lnR>
                    <a:lnT>
                      <a:noFill/>
                    </a:lnT>
                    <a:lnB>
                      <a:noFill/>
                    </a:lnB>
                    <a:lnTlToBr w="12700" cmpd="sng">
                      <a:noFill/>
                      <a:prstDash val="solid"/>
                    </a:lnTlToBr>
                    <a:lnBlToTr w="12700" cmpd="sng">
                      <a:noFill/>
                      <a:prstDash val="solid"/>
                    </a:lnBlToTr>
                    <a:solidFill>
                      <a:srgbClr val="4CB5E6"/>
                    </a:solidFill>
                  </a:tcPr>
                </a:tc>
                <a:tc>
                  <a:txBody>
                    <a:bodyPr/>
                    <a:lstStyle/>
                    <a:p>
                      <a:pPr algn="ctr" fontAlgn="ctr"/>
                      <a:r>
                        <a:rPr lang="en-US" sz="1100" b="0" i="0" u="none" strike="noStrike">
                          <a:solidFill>
                            <a:srgbClr val="000000"/>
                          </a:solidFill>
                          <a:effectLst/>
                          <a:latin typeface="Calibri" panose="020F0502020204030204" pitchFamily="34" charset="0"/>
                        </a:rPr>
                        <a:t>18.7%</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6.0%</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9%</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b"/>
                      <a:r>
                        <a:rPr lang="en-US" sz="1100" b="0" i="0" u="none" strike="noStrike">
                          <a:solidFill>
                            <a:srgbClr val="1F2322"/>
                          </a:solidFill>
                          <a:effectLst/>
                          <a:latin typeface="Calibri" panose="020F0502020204030204" pitchFamily="34" charset="0"/>
                        </a:rPr>
                        <a:t>12.7</a:t>
                      </a:r>
                    </a:p>
                  </a:txBody>
                  <a:tcPr marL="0" marR="0" marT="0" marB="0" anchor="ctr">
                    <a:lnL>
                      <a:noFill/>
                    </a:lnL>
                    <a:lnR>
                      <a:noFill/>
                    </a:lnR>
                    <a:lnT>
                      <a:noFill/>
                    </a:lnT>
                    <a:lnB>
                      <a:noFill/>
                    </a:lnB>
                    <a:solidFill>
                      <a:schemeClr val="bg1">
                        <a:lumMod val="95000"/>
                      </a:schemeClr>
                    </a:solidFill>
                  </a:tcPr>
                </a:tc>
                <a:extLst>
                  <a:ext uri="{0D108BD9-81ED-4DB2-BD59-A6C34878D82A}">
                    <a16:rowId xmlns:a16="http://schemas.microsoft.com/office/drawing/2014/main" val="2819232244"/>
                  </a:ext>
                </a:extLst>
              </a:tr>
              <a:tr h="210312">
                <a:tc>
                  <a:txBody>
                    <a:bodyPr/>
                    <a:lstStyle/>
                    <a:p>
                      <a:pPr marL="0" marR="0" algn="ctr">
                        <a:spcBef>
                          <a:spcPts val="0"/>
                        </a:spcBef>
                        <a:spcAft>
                          <a:spcPts val="0"/>
                        </a:spcAft>
                      </a:pPr>
                      <a:r>
                        <a:rPr lang="en-US" sz="1100" b="1" u="sng">
                          <a:solidFill>
                            <a:srgbClr val="FFFFFF"/>
                          </a:solidFill>
                          <a:effectLst/>
                          <a:latin typeface="Calibri" panose="020F0502020204030204" pitchFamily="34" charset="0"/>
                          <a:ea typeface="Calibri" panose="020F0502020204030204" pitchFamily="34" charset="0"/>
                        </a:rPr>
                        <a:t>Jul-23</a:t>
                      </a:r>
                      <a:endParaRPr lang="en-US" sz="1050" u="sng">
                        <a:effectLst/>
                        <a:latin typeface="Calibri" panose="020F0502020204030204" pitchFamily="34" charset="0"/>
                        <a:ea typeface="Calibri" panose="020F0502020204030204" pitchFamily="34" charset="0"/>
                      </a:endParaRPr>
                    </a:p>
                  </a:txBody>
                  <a:tcPr marL="68580" marR="68580" marT="0" marB="0" anchor="ctr">
                    <a:lnL>
                      <a:noFill/>
                    </a:lnL>
                    <a:lnR>
                      <a:noFill/>
                    </a:lnR>
                    <a:lnT>
                      <a:noFill/>
                    </a:lnT>
                    <a:lnB>
                      <a:noFill/>
                    </a:lnB>
                    <a:solidFill>
                      <a:srgbClr val="004578"/>
                    </a:solid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0%</a:t>
                      </a:r>
                    </a:p>
                  </a:txBody>
                  <a:tcPr marL="0" marR="0" marT="0" marB="0" anchor="ctr">
                    <a:lnL>
                      <a:noFill/>
                    </a:lnL>
                    <a:lnR>
                      <a:noFill/>
                    </a:lnR>
                    <a:lnT>
                      <a:noFill/>
                    </a:lnT>
                    <a:lnB>
                      <a:noFill/>
                    </a:lnB>
                    <a:lnTlToBr w="12700" cmpd="sng">
                      <a:noFill/>
                      <a:prstDash val="solid"/>
                    </a:lnTlToBr>
                    <a:lnBlToTr w="12700" cmpd="sng">
                      <a:noFill/>
                      <a:prstDash val="solid"/>
                    </a:lnBlToTr>
                    <a:noFill/>
                  </a:tcPr>
                </a:tc>
                <a:tc>
                  <a:txBody>
                    <a:bodyPr/>
                    <a:lstStyle/>
                    <a:p>
                      <a:pPr algn="ctr" fontAlgn="ctr"/>
                      <a:r>
                        <a:rPr lang="en-US" sz="1100" b="0" i="0" u="none" strike="noStrike">
                          <a:solidFill>
                            <a:srgbClr val="000000"/>
                          </a:solidFill>
                          <a:effectLst/>
                          <a:latin typeface="Calibri" panose="020F0502020204030204" pitchFamily="34" charset="0"/>
                        </a:rPr>
                        <a:t>0.2%</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2.6%</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11.5%</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25.4%</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30.3%</a:t>
                      </a:r>
                    </a:p>
                  </a:txBody>
                  <a:tcPr marL="0" marR="0" marT="0" marB="0" anchor="ctr">
                    <a:lnL>
                      <a:noFill/>
                    </a:lnL>
                    <a:lnR>
                      <a:noFill/>
                    </a:lnR>
                    <a:lnT>
                      <a:noFill/>
                    </a:lnT>
                    <a:lnB>
                      <a:noFill/>
                    </a:lnB>
                    <a:lnTlToBr w="12700" cmpd="sng">
                      <a:noFill/>
                      <a:prstDash val="solid"/>
                    </a:lnTlToBr>
                    <a:lnBlToTr w="12700" cmpd="sng">
                      <a:noFill/>
                      <a:prstDash val="solid"/>
                    </a:lnBlToTr>
                    <a:solidFill>
                      <a:srgbClr val="4CB5E6"/>
                    </a:solidFill>
                  </a:tcPr>
                </a:tc>
                <a:tc>
                  <a:txBody>
                    <a:bodyPr/>
                    <a:lstStyle/>
                    <a:p>
                      <a:pPr algn="ctr" fontAlgn="ctr"/>
                      <a:r>
                        <a:rPr lang="en-US" sz="1100" b="0" i="0" u="none" strike="noStrike">
                          <a:solidFill>
                            <a:srgbClr val="000000"/>
                          </a:solidFill>
                          <a:effectLst/>
                          <a:latin typeface="Calibri" panose="020F0502020204030204" pitchFamily="34" charset="0"/>
                        </a:rPr>
                        <a:t>20.4%</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7.7%</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1.6%</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ctr"/>
                      <a:r>
                        <a:rPr lang="en-US" sz="1100" b="0" i="0" u="none" strike="noStrike">
                          <a:solidFill>
                            <a:srgbClr val="000000"/>
                          </a:solidFill>
                          <a:effectLst/>
                          <a:latin typeface="Calibri" panose="020F0502020204030204" pitchFamily="34" charset="0"/>
                        </a:rPr>
                        <a:t>0.3%</a:t>
                      </a:r>
                    </a:p>
                  </a:txBody>
                  <a:tcPr marL="0" marR="0" marT="0" marB="0" anchor="ctr">
                    <a:lnL>
                      <a:noFill/>
                    </a:lnL>
                    <a:lnR>
                      <a:noFill/>
                    </a:lnR>
                    <a:lnT>
                      <a:noFill/>
                    </a:lnT>
                    <a:lnB>
                      <a:noFill/>
                    </a:lnB>
                    <a:lnTlToBr w="12700" cmpd="sng">
                      <a:noFill/>
                      <a:prstDash val="solid"/>
                    </a:lnTlToBr>
                    <a:lnBlToTr w="12700" cmpd="sng">
                      <a:noFill/>
                      <a:prstDash val="solid"/>
                    </a:lnBlToTr>
                    <a:solidFill>
                      <a:srgbClr val="DDEBF7"/>
                    </a:solidFill>
                  </a:tcPr>
                </a:tc>
                <a:tc>
                  <a:txBody>
                    <a:bodyPr/>
                    <a:lstStyle/>
                    <a:p>
                      <a:pPr algn="ctr" fontAlgn="b"/>
                      <a:r>
                        <a:rPr lang="en-US" sz="1100" b="0" i="0" u="none" strike="noStrike">
                          <a:solidFill>
                            <a:srgbClr val="1F2322"/>
                          </a:solidFill>
                          <a:effectLst/>
                          <a:latin typeface="Calibri" panose="020F0502020204030204" pitchFamily="34" charset="0"/>
                        </a:rPr>
                        <a:t>12.8</a:t>
                      </a:r>
                    </a:p>
                  </a:txBody>
                  <a:tcPr marL="0" marR="0" marT="0" marB="0" anchor="ctr">
                    <a:lnL>
                      <a:noFill/>
                    </a:lnL>
                    <a:lnR>
                      <a:noFill/>
                    </a:lnR>
                    <a:lnT>
                      <a:noFill/>
                    </a:lnT>
                    <a:lnB>
                      <a:noFill/>
                    </a:lnB>
                    <a:solidFill>
                      <a:schemeClr val="bg1">
                        <a:lumMod val="95000"/>
                      </a:schemeClr>
                    </a:solidFill>
                  </a:tcPr>
                </a:tc>
                <a:extLst>
                  <a:ext uri="{0D108BD9-81ED-4DB2-BD59-A6C34878D82A}">
                    <a16:rowId xmlns:a16="http://schemas.microsoft.com/office/drawing/2014/main" val="3145186219"/>
                  </a:ext>
                </a:extLst>
              </a:tr>
            </a:tbl>
          </a:graphicData>
        </a:graphic>
      </p:graphicFrame>
      <p:grpSp>
        <p:nvGrpSpPr>
          <p:cNvPr id="11" name="Group 10">
            <a:extLst>
              <a:ext uri="{FF2B5EF4-FFF2-40B4-BE49-F238E27FC236}">
                <a16:creationId xmlns:a16="http://schemas.microsoft.com/office/drawing/2014/main" id="{2FA841C9-2279-4598-8161-B4FDA0CCC74D}"/>
              </a:ext>
            </a:extLst>
          </p:cNvPr>
          <p:cNvGrpSpPr/>
          <p:nvPr/>
        </p:nvGrpSpPr>
        <p:grpSpPr>
          <a:xfrm>
            <a:off x="4450080" y="1425695"/>
            <a:ext cx="3291840" cy="1923502"/>
            <a:chOff x="4428535" y="1636122"/>
            <a:chExt cx="3291840" cy="1923502"/>
          </a:xfrm>
        </p:grpSpPr>
        <p:sp>
          <p:nvSpPr>
            <p:cNvPr id="12" name="Rectangle 11">
              <a:extLst>
                <a:ext uri="{FF2B5EF4-FFF2-40B4-BE49-F238E27FC236}">
                  <a16:creationId xmlns:a16="http://schemas.microsoft.com/office/drawing/2014/main" id="{BF69D87A-0851-4D24-9D83-B7D97EDA8BB0}"/>
                </a:ext>
              </a:extLst>
            </p:cNvPr>
            <p:cNvSpPr/>
            <p:nvPr/>
          </p:nvSpPr>
          <p:spPr>
            <a:xfrm>
              <a:off x="4428535" y="1910441"/>
              <a:ext cx="3291840" cy="1649183"/>
            </a:xfrm>
            <a:prstGeom prst="rect">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t"/>
            <a:lstStyle/>
            <a:p>
              <a:pPr marL="231775" indent="-171450">
                <a:spcAft>
                  <a:spcPts val="500"/>
                </a:spcAft>
                <a:buFont typeface="Arial" panose="020B0604020202020204" pitchFamily="34" charset="0"/>
                <a:buChar char="•"/>
              </a:pPr>
              <a:r>
                <a:rPr lang="en-US" sz="1200">
                  <a:solidFill>
                    <a:schemeClr val="tx1"/>
                  </a:solidFill>
                </a:rPr>
                <a:t>The Fed expects the labor market to be robust in 2022. </a:t>
              </a:r>
            </a:p>
            <a:p>
              <a:pPr marL="231775" indent="-171450">
                <a:spcAft>
                  <a:spcPts val="500"/>
                </a:spcAft>
                <a:buFont typeface="Arial" panose="020B0604020202020204" pitchFamily="34" charset="0"/>
                <a:buChar char="•"/>
              </a:pPr>
              <a:r>
                <a:rPr lang="en-US" sz="1200">
                  <a:solidFill>
                    <a:schemeClr val="tx1"/>
                  </a:solidFill>
                </a:rPr>
                <a:t>Maintained its 3.5% unemployment expectation by year end, which would be a  53-year low. </a:t>
              </a:r>
              <a:endParaRPr lang="en-US" sz="1200">
                <a:solidFill>
                  <a:schemeClr val="tx1"/>
                </a:solidFill>
                <a:cs typeface="Calibri"/>
              </a:endParaRPr>
            </a:p>
            <a:p>
              <a:pPr marL="231775" indent="-171450">
                <a:spcAft>
                  <a:spcPts val="500"/>
                </a:spcAft>
                <a:buFont typeface="Arial" panose="020B0604020202020204" pitchFamily="34" charset="0"/>
                <a:buChar char="•"/>
              </a:pPr>
              <a:r>
                <a:rPr lang="en-US" sz="1200">
                  <a:solidFill>
                    <a:schemeClr val="tx1"/>
                  </a:solidFill>
                </a:rPr>
                <a:t>In April, unemployment claims hit their lowest level in 53 years multiple times. </a:t>
              </a:r>
              <a:endParaRPr lang="en-US" sz="1200">
                <a:solidFill>
                  <a:schemeClr val="tx1"/>
                </a:solidFill>
                <a:cs typeface="Calibri"/>
              </a:endParaRPr>
            </a:p>
            <a:p>
              <a:pPr marL="231775" indent="-171450">
                <a:spcAft>
                  <a:spcPts val="500"/>
                </a:spcAft>
                <a:buFont typeface="Arial" panose="020B0604020202020204" pitchFamily="34" charset="0"/>
                <a:buChar char="•"/>
              </a:pPr>
              <a:endParaRPr lang="en-US" sz="1200">
                <a:solidFill>
                  <a:schemeClr val="tx1"/>
                </a:solidFill>
              </a:endParaRPr>
            </a:p>
          </p:txBody>
        </p:sp>
        <p:sp>
          <p:nvSpPr>
            <p:cNvPr id="13" name="Rectangle 12">
              <a:extLst>
                <a:ext uri="{FF2B5EF4-FFF2-40B4-BE49-F238E27FC236}">
                  <a16:creationId xmlns:a16="http://schemas.microsoft.com/office/drawing/2014/main" id="{BFDD90E9-FF1E-4D59-B38D-C87FF5159FDE}"/>
                </a:ext>
              </a:extLst>
            </p:cNvPr>
            <p:cNvSpPr/>
            <p:nvPr/>
          </p:nvSpPr>
          <p:spPr>
            <a:xfrm>
              <a:off x="4428535" y="1636122"/>
              <a:ext cx="3291840" cy="274320"/>
            </a:xfrm>
            <a:prstGeom prst="rect">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chorCtr="0"/>
            <a:lstStyle/>
            <a:p>
              <a:pPr algn="ctr"/>
              <a:r>
                <a:rPr lang="en-US" sz="1200" b="1">
                  <a:solidFill>
                    <a:schemeClr val="bg1"/>
                  </a:solidFill>
                </a:rPr>
                <a:t>The labor market</a:t>
              </a:r>
            </a:p>
          </p:txBody>
        </p:sp>
      </p:grpSp>
      <p:grpSp>
        <p:nvGrpSpPr>
          <p:cNvPr id="14" name="Group 13">
            <a:extLst>
              <a:ext uri="{FF2B5EF4-FFF2-40B4-BE49-F238E27FC236}">
                <a16:creationId xmlns:a16="http://schemas.microsoft.com/office/drawing/2014/main" id="{AD331D68-5C25-44CF-BFC8-1FD6245E3295}"/>
              </a:ext>
            </a:extLst>
          </p:cNvPr>
          <p:cNvGrpSpPr/>
          <p:nvPr/>
        </p:nvGrpSpPr>
        <p:grpSpPr>
          <a:xfrm>
            <a:off x="8120396" y="1425695"/>
            <a:ext cx="3291840" cy="1923502"/>
            <a:chOff x="8079438" y="1636122"/>
            <a:chExt cx="3291840" cy="1923502"/>
          </a:xfrm>
        </p:grpSpPr>
        <p:sp>
          <p:nvSpPr>
            <p:cNvPr id="15" name="Rectangle 14">
              <a:extLst>
                <a:ext uri="{FF2B5EF4-FFF2-40B4-BE49-F238E27FC236}">
                  <a16:creationId xmlns:a16="http://schemas.microsoft.com/office/drawing/2014/main" id="{0E4A8852-7F15-497F-8F56-F46BEE607425}"/>
                </a:ext>
              </a:extLst>
            </p:cNvPr>
            <p:cNvSpPr/>
            <p:nvPr/>
          </p:nvSpPr>
          <p:spPr>
            <a:xfrm>
              <a:off x="8079438" y="1910442"/>
              <a:ext cx="3291840" cy="1649182"/>
            </a:xfrm>
            <a:prstGeom prst="rect">
              <a:avLst/>
            </a:prstGeom>
            <a:no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t"/>
            <a:lstStyle/>
            <a:p>
              <a:pPr marL="231775" indent="-171450">
                <a:spcAft>
                  <a:spcPts val="500"/>
                </a:spcAft>
                <a:buFont typeface="Arial" panose="020B0604020202020204" pitchFamily="34" charset="0"/>
                <a:buChar char="•"/>
              </a:pPr>
              <a:r>
                <a:rPr lang="en-US" sz="1200">
                  <a:solidFill>
                    <a:schemeClr val="tx1"/>
                  </a:solidFill>
                </a:rPr>
                <a:t>The Fed’s expectation of US economic growth worsened. </a:t>
              </a:r>
            </a:p>
            <a:p>
              <a:pPr marL="231775" indent="-171450">
                <a:spcAft>
                  <a:spcPts val="500"/>
                </a:spcAft>
                <a:buFont typeface="Arial" panose="020B0604020202020204" pitchFamily="34" charset="0"/>
                <a:buChar char="•"/>
              </a:pPr>
              <a:r>
                <a:rPr lang="en-US" sz="1200">
                  <a:solidFill>
                    <a:schemeClr val="tx1"/>
                  </a:solidFill>
                </a:rPr>
                <a:t>The Fed projects US GDP to increase by 2.8% this year, down from the prior 4% estimate. </a:t>
              </a:r>
            </a:p>
            <a:p>
              <a:pPr marL="231775" indent="-171450">
                <a:spcAft>
                  <a:spcPts val="500"/>
                </a:spcAft>
                <a:buFont typeface="Arial" panose="020B0604020202020204" pitchFamily="34" charset="0"/>
                <a:buChar char="•"/>
              </a:pPr>
              <a:r>
                <a:rPr lang="en-US" sz="1200">
                  <a:solidFill>
                    <a:schemeClr val="tx1"/>
                  </a:solidFill>
                </a:rPr>
                <a:t>The decrease can be attributed to increased rate hike expectations, the general labor shortage, COVID, and geopolitical tensions. </a:t>
              </a:r>
            </a:p>
          </p:txBody>
        </p:sp>
        <p:sp>
          <p:nvSpPr>
            <p:cNvPr id="16" name="Rectangle 15">
              <a:extLst>
                <a:ext uri="{FF2B5EF4-FFF2-40B4-BE49-F238E27FC236}">
                  <a16:creationId xmlns:a16="http://schemas.microsoft.com/office/drawing/2014/main" id="{8843FDE9-8FC9-431E-9443-2B457FB2EFFC}"/>
                </a:ext>
              </a:extLst>
            </p:cNvPr>
            <p:cNvSpPr/>
            <p:nvPr/>
          </p:nvSpPr>
          <p:spPr>
            <a:xfrm>
              <a:off x="8079438" y="1636122"/>
              <a:ext cx="3291840" cy="274320"/>
            </a:xfrm>
            <a:prstGeom prst="rect">
              <a:avLst/>
            </a:prstGeom>
            <a:solidFill>
              <a:schemeClr val="accent4"/>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91440" bIns="91440" rtlCol="0" anchor="ctr" anchorCtr="0"/>
            <a:lstStyle/>
            <a:p>
              <a:pPr algn="ctr"/>
              <a:r>
                <a:rPr lang="en-US" sz="1200" b="1">
                  <a:solidFill>
                    <a:schemeClr val="bg1"/>
                  </a:solidFill>
                </a:rPr>
                <a:t>Economic growth</a:t>
              </a:r>
            </a:p>
          </p:txBody>
        </p:sp>
      </p:grpSp>
      <p:sp>
        <p:nvSpPr>
          <p:cNvPr id="17" name="Content Placeholder 7">
            <a:extLst>
              <a:ext uri="{FF2B5EF4-FFF2-40B4-BE49-F238E27FC236}">
                <a16:creationId xmlns:a16="http://schemas.microsoft.com/office/drawing/2014/main" id="{86FC7594-F64D-4608-95AB-3F94BA999BAC}"/>
              </a:ext>
            </a:extLst>
          </p:cNvPr>
          <p:cNvSpPr txBox="1">
            <a:spLocks/>
          </p:cNvSpPr>
          <p:nvPr/>
        </p:nvSpPr>
        <p:spPr>
          <a:xfrm>
            <a:off x="3010009" y="6273024"/>
            <a:ext cx="8402227" cy="127591"/>
          </a:xfrm>
          <a:prstGeom prst="rect">
            <a:avLst/>
          </a:prstGeom>
        </p:spPr>
        <p:txBody>
          <a:bodyPr vert="horz" lIns="0" tIns="0" rIns="0" bIns="0" rtlCol="0">
            <a:noAutofit/>
          </a:bodyPr>
          <a:lstStyle>
            <a:lvl1pPr marL="6879" indent="0" algn="l" defTabSz="990564" rtl="0" eaLnBrk="1" latinLnBrk="0" hangingPunct="1">
              <a:lnSpc>
                <a:spcPct val="110000"/>
              </a:lnSpc>
              <a:spcBef>
                <a:spcPts val="0"/>
              </a:spcBef>
              <a:spcAft>
                <a:spcPts val="433"/>
              </a:spcAft>
              <a:buFont typeface="Arial" panose="020B0604020202020204" pitchFamily="34" charset="0"/>
              <a:buNone/>
              <a:tabLst/>
              <a:defRPr sz="1517" kern="1200">
                <a:solidFill>
                  <a:schemeClr val="tx1"/>
                </a:solidFill>
                <a:latin typeface="+mn-lt"/>
                <a:ea typeface="+mn-ea"/>
                <a:cs typeface="+mn-cs"/>
              </a:defRPr>
            </a:lvl1pPr>
            <a:lvl2pPr marL="373182" indent="-184012" algn="l" defTabSz="990564" rtl="0" eaLnBrk="1" latinLnBrk="0" hangingPunct="1">
              <a:lnSpc>
                <a:spcPct val="110000"/>
              </a:lnSpc>
              <a:spcBef>
                <a:spcPts val="0"/>
              </a:spcBef>
              <a:spcAft>
                <a:spcPts val="433"/>
              </a:spcAft>
              <a:buFont typeface="Courier New" panose="02070309020205020404" pitchFamily="49" charset="0"/>
              <a:buChar char="o"/>
              <a:tabLst/>
              <a:defRPr sz="1300" kern="1200">
                <a:solidFill>
                  <a:schemeClr val="tx1"/>
                </a:solidFill>
                <a:latin typeface="+mn-lt"/>
                <a:ea typeface="+mn-ea"/>
                <a:cs typeface="+mn-cs"/>
              </a:defRPr>
            </a:lvl2pPr>
            <a:lvl3pPr marL="562352" indent="-189170" algn="l" defTabSz="990564" rtl="0" eaLnBrk="1" latinLnBrk="0" hangingPunct="1">
              <a:lnSpc>
                <a:spcPct val="110000"/>
              </a:lnSpc>
              <a:spcBef>
                <a:spcPts val="0"/>
              </a:spcBef>
              <a:spcAft>
                <a:spcPts val="433"/>
              </a:spcAft>
              <a:buFont typeface="Calibri" panose="020F0502020204030204" pitchFamily="34" charset="0"/>
              <a:buChar char="–"/>
              <a:tabLst/>
              <a:defRPr sz="1300" kern="1200">
                <a:solidFill>
                  <a:schemeClr val="tx1"/>
                </a:solidFill>
                <a:latin typeface="+mn-lt"/>
                <a:ea typeface="+mn-ea"/>
                <a:cs typeface="+mn-cs"/>
              </a:defRPr>
            </a:lvl3pPr>
            <a:lvl4pPr marL="746362" indent="-184012" algn="l" defTabSz="990564" rtl="0" eaLnBrk="1" latinLnBrk="0" hangingPunct="1">
              <a:lnSpc>
                <a:spcPct val="110000"/>
              </a:lnSpc>
              <a:spcBef>
                <a:spcPts val="0"/>
              </a:spcBef>
              <a:spcAft>
                <a:spcPts val="433"/>
              </a:spcAft>
              <a:buFont typeface="Arial" panose="020B0604020202020204" pitchFamily="34" charset="0"/>
              <a:buChar char="•"/>
              <a:tabLst/>
              <a:defRPr sz="1083" kern="1200">
                <a:solidFill>
                  <a:schemeClr val="tx1"/>
                </a:solidFill>
                <a:latin typeface="+mn-lt"/>
                <a:ea typeface="+mn-ea"/>
                <a:cs typeface="+mn-cs"/>
              </a:defRPr>
            </a:lvl4pPr>
            <a:lvl5pPr marL="930374" indent="-182291" algn="l" defTabSz="990564" rtl="0" eaLnBrk="1" latinLnBrk="0" hangingPunct="1">
              <a:lnSpc>
                <a:spcPct val="110000"/>
              </a:lnSpc>
              <a:spcBef>
                <a:spcPts val="0"/>
              </a:spcBef>
              <a:spcAft>
                <a:spcPts val="433"/>
              </a:spcAft>
              <a:buFont typeface="Courier New" panose="02070309020205020404" pitchFamily="49" charset="0"/>
              <a:buChar char="o"/>
              <a:tabLst/>
              <a:defRPr sz="1083" kern="1200">
                <a:solidFill>
                  <a:schemeClr val="tx1"/>
                </a:solidFill>
                <a:latin typeface="+mn-lt"/>
                <a:ea typeface="+mn-ea"/>
                <a:cs typeface="+mn-cs"/>
              </a:defRPr>
            </a:lvl5pPr>
            <a:lvl6pPr marL="2724050"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6pPr>
            <a:lvl7pPr marL="3219333"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7pPr>
            <a:lvl8pPr marL="3714614"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8pPr>
            <a:lvl9pPr marL="4209896"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9pPr>
          </a:lstStyle>
          <a:p>
            <a:pPr algn="r"/>
            <a:r>
              <a:rPr lang="en-US" sz="900" i="1"/>
              <a:t>Rates data as of May 5, 2022</a:t>
            </a:r>
          </a:p>
          <a:p>
            <a:pPr algn="r"/>
            <a:endParaRPr lang="en-US" sz="900" b="1" i="1">
              <a:solidFill>
                <a:schemeClr val="accent2"/>
              </a:solidFill>
            </a:endParaRPr>
          </a:p>
        </p:txBody>
      </p:sp>
      <p:sp>
        <p:nvSpPr>
          <p:cNvPr id="18" name="Content Placeholder 7">
            <a:extLst>
              <a:ext uri="{FF2B5EF4-FFF2-40B4-BE49-F238E27FC236}">
                <a16:creationId xmlns:a16="http://schemas.microsoft.com/office/drawing/2014/main" id="{40E88723-6161-4AF4-9A25-2347C6496FBB}"/>
              </a:ext>
            </a:extLst>
          </p:cNvPr>
          <p:cNvSpPr txBox="1">
            <a:spLocks/>
          </p:cNvSpPr>
          <p:nvPr/>
        </p:nvSpPr>
        <p:spPr>
          <a:xfrm>
            <a:off x="3010004" y="6006152"/>
            <a:ext cx="8402227" cy="127591"/>
          </a:xfrm>
          <a:prstGeom prst="rect">
            <a:avLst/>
          </a:prstGeom>
        </p:spPr>
        <p:txBody>
          <a:bodyPr vert="horz" lIns="0" tIns="0" rIns="0" bIns="0" rtlCol="0">
            <a:noAutofit/>
          </a:bodyPr>
          <a:lstStyle>
            <a:lvl1pPr marL="6879" indent="0" algn="l" defTabSz="990564" rtl="0" eaLnBrk="1" latinLnBrk="0" hangingPunct="1">
              <a:lnSpc>
                <a:spcPct val="110000"/>
              </a:lnSpc>
              <a:spcBef>
                <a:spcPts val="0"/>
              </a:spcBef>
              <a:spcAft>
                <a:spcPts val="433"/>
              </a:spcAft>
              <a:buFont typeface="Arial" panose="020B0604020202020204" pitchFamily="34" charset="0"/>
              <a:buNone/>
              <a:tabLst/>
              <a:defRPr sz="1517" kern="1200">
                <a:solidFill>
                  <a:schemeClr val="tx1"/>
                </a:solidFill>
                <a:latin typeface="+mn-lt"/>
                <a:ea typeface="+mn-ea"/>
                <a:cs typeface="+mn-cs"/>
              </a:defRPr>
            </a:lvl1pPr>
            <a:lvl2pPr marL="373182" indent="-184012" algn="l" defTabSz="990564" rtl="0" eaLnBrk="1" latinLnBrk="0" hangingPunct="1">
              <a:lnSpc>
                <a:spcPct val="110000"/>
              </a:lnSpc>
              <a:spcBef>
                <a:spcPts val="0"/>
              </a:spcBef>
              <a:spcAft>
                <a:spcPts val="433"/>
              </a:spcAft>
              <a:buFont typeface="Courier New" panose="02070309020205020404" pitchFamily="49" charset="0"/>
              <a:buChar char="o"/>
              <a:tabLst/>
              <a:defRPr sz="1300" kern="1200">
                <a:solidFill>
                  <a:schemeClr val="tx1"/>
                </a:solidFill>
                <a:latin typeface="+mn-lt"/>
                <a:ea typeface="+mn-ea"/>
                <a:cs typeface="+mn-cs"/>
              </a:defRPr>
            </a:lvl2pPr>
            <a:lvl3pPr marL="562352" indent="-189170" algn="l" defTabSz="990564" rtl="0" eaLnBrk="1" latinLnBrk="0" hangingPunct="1">
              <a:lnSpc>
                <a:spcPct val="110000"/>
              </a:lnSpc>
              <a:spcBef>
                <a:spcPts val="0"/>
              </a:spcBef>
              <a:spcAft>
                <a:spcPts val="433"/>
              </a:spcAft>
              <a:buFont typeface="Calibri" panose="020F0502020204030204" pitchFamily="34" charset="0"/>
              <a:buChar char="–"/>
              <a:tabLst/>
              <a:defRPr sz="1300" kern="1200">
                <a:solidFill>
                  <a:schemeClr val="tx1"/>
                </a:solidFill>
                <a:latin typeface="+mn-lt"/>
                <a:ea typeface="+mn-ea"/>
                <a:cs typeface="+mn-cs"/>
              </a:defRPr>
            </a:lvl3pPr>
            <a:lvl4pPr marL="746362" indent="-184012" algn="l" defTabSz="990564" rtl="0" eaLnBrk="1" latinLnBrk="0" hangingPunct="1">
              <a:lnSpc>
                <a:spcPct val="110000"/>
              </a:lnSpc>
              <a:spcBef>
                <a:spcPts val="0"/>
              </a:spcBef>
              <a:spcAft>
                <a:spcPts val="433"/>
              </a:spcAft>
              <a:buFont typeface="Arial" panose="020B0604020202020204" pitchFamily="34" charset="0"/>
              <a:buChar char="•"/>
              <a:tabLst/>
              <a:defRPr sz="1083" kern="1200">
                <a:solidFill>
                  <a:schemeClr val="tx1"/>
                </a:solidFill>
                <a:latin typeface="+mn-lt"/>
                <a:ea typeface="+mn-ea"/>
                <a:cs typeface="+mn-cs"/>
              </a:defRPr>
            </a:lvl4pPr>
            <a:lvl5pPr marL="930374" indent="-182291" algn="l" defTabSz="990564" rtl="0" eaLnBrk="1" latinLnBrk="0" hangingPunct="1">
              <a:lnSpc>
                <a:spcPct val="110000"/>
              </a:lnSpc>
              <a:spcBef>
                <a:spcPts val="0"/>
              </a:spcBef>
              <a:spcAft>
                <a:spcPts val="433"/>
              </a:spcAft>
              <a:buFont typeface="Courier New" panose="02070309020205020404" pitchFamily="49" charset="0"/>
              <a:buChar char="o"/>
              <a:tabLst/>
              <a:defRPr sz="1083" kern="1200">
                <a:solidFill>
                  <a:schemeClr val="tx1"/>
                </a:solidFill>
                <a:latin typeface="+mn-lt"/>
                <a:ea typeface="+mn-ea"/>
                <a:cs typeface="+mn-cs"/>
              </a:defRPr>
            </a:lvl5pPr>
            <a:lvl6pPr marL="2724050"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6pPr>
            <a:lvl7pPr marL="3219333"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7pPr>
            <a:lvl8pPr marL="3714614"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8pPr>
            <a:lvl9pPr marL="4209896"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9pPr>
          </a:lstStyle>
          <a:p>
            <a:pPr algn="r"/>
            <a:r>
              <a:rPr lang="en-US" sz="1000" i="1"/>
              <a:t>Note: The dark blue boxes indicate the market’s expectation of the federal funds rate at a given point in time.</a:t>
            </a:r>
          </a:p>
          <a:p>
            <a:pPr algn="r"/>
            <a:endParaRPr lang="en-US" sz="1000" b="1" i="1">
              <a:solidFill>
                <a:schemeClr val="accent2"/>
              </a:solidFill>
            </a:endParaRPr>
          </a:p>
        </p:txBody>
      </p:sp>
    </p:spTree>
    <p:extLst>
      <p:ext uri="{BB962C8B-B14F-4D97-AF65-F5344CB8AC3E}">
        <p14:creationId xmlns:p14="http://schemas.microsoft.com/office/powerpoint/2010/main" val="295293882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9A86C82-4B44-4651-8E5A-88AEE5549BFA}"/>
              </a:ext>
            </a:extLst>
          </p:cNvPr>
          <p:cNvSpPr>
            <a:spLocks noGrp="1"/>
          </p:cNvSpPr>
          <p:nvPr>
            <p:ph type="title"/>
          </p:nvPr>
        </p:nvSpPr>
        <p:spPr/>
        <p:txBody>
          <a:bodyPr/>
          <a:lstStyle/>
          <a:p>
            <a:r>
              <a:rPr lang="en-US"/>
              <a:t>Market update: Interest rates</a:t>
            </a:r>
          </a:p>
        </p:txBody>
      </p:sp>
      <p:sp>
        <p:nvSpPr>
          <p:cNvPr id="4" name="Slide Number Placeholder 3">
            <a:extLst>
              <a:ext uri="{FF2B5EF4-FFF2-40B4-BE49-F238E27FC236}">
                <a16:creationId xmlns:a16="http://schemas.microsoft.com/office/drawing/2014/main" id="{05E57DB0-8194-40AC-A2B0-56728AF6F4CF}"/>
              </a:ext>
            </a:extLst>
          </p:cNvPr>
          <p:cNvSpPr>
            <a:spLocks noGrp="1"/>
          </p:cNvSpPr>
          <p:nvPr>
            <p:ph type="sldNum" sz="quarter" idx="10"/>
          </p:nvPr>
        </p:nvSpPr>
        <p:spPr/>
        <p:txBody>
          <a:bodyPr/>
          <a:lstStyle/>
          <a:p>
            <a:pPr defTabSz="914400"/>
            <a:fld id="{EB4FF9C4-EEBF-D24D-8A4E-C0B9CCE3F975}" type="slidenum">
              <a:rPr lang="en-US" smtClean="0">
                <a:solidFill>
                  <a:srgbClr val="1F2322"/>
                </a:solidFill>
              </a:rPr>
              <a:pPr defTabSz="914400"/>
              <a:t>9</a:t>
            </a:fld>
            <a:endParaRPr lang="en-US">
              <a:solidFill>
                <a:srgbClr val="1F2322"/>
              </a:solidFill>
            </a:endParaRPr>
          </a:p>
        </p:txBody>
      </p:sp>
      <p:graphicFrame>
        <p:nvGraphicFramePr>
          <p:cNvPr id="9" name="Chart 8">
            <a:extLst>
              <a:ext uri="{FF2B5EF4-FFF2-40B4-BE49-F238E27FC236}">
                <a16:creationId xmlns:a16="http://schemas.microsoft.com/office/drawing/2014/main" id="{4A4AA8FB-7B58-4E33-BF89-0239D98E3242}"/>
              </a:ext>
            </a:extLst>
          </p:cNvPr>
          <p:cNvGraphicFramePr>
            <a:graphicFrameLocks/>
          </p:cNvGraphicFramePr>
          <p:nvPr>
            <p:extLst>
              <p:ext uri="{D42A27DB-BD31-4B8C-83A1-F6EECF244321}">
                <p14:modId xmlns:p14="http://schemas.microsoft.com/office/powerpoint/2010/main" val="996385946"/>
              </p:ext>
            </p:extLst>
          </p:nvPr>
        </p:nvGraphicFramePr>
        <p:xfrm>
          <a:off x="6095999" y="3729631"/>
          <a:ext cx="5212080" cy="2560320"/>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0" name="Chart 9">
            <a:extLst>
              <a:ext uri="{FF2B5EF4-FFF2-40B4-BE49-F238E27FC236}">
                <a16:creationId xmlns:a16="http://schemas.microsoft.com/office/drawing/2014/main" id="{AC8C67E0-ABC5-4F1F-B11C-512B43C57CD2}"/>
              </a:ext>
            </a:extLst>
          </p:cNvPr>
          <p:cNvGraphicFramePr>
            <a:graphicFrameLocks/>
          </p:cNvGraphicFramePr>
          <p:nvPr>
            <p:extLst>
              <p:ext uri="{D42A27DB-BD31-4B8C-83A1-F6EECF244321}">
                <p14:modId xmlns:p14="http://schemas.microsoft.com/office/powerpoint/2010/main" val="1177737766"/>
              </p:ext>
            </p:extLst>
          </p:nvPr>
        </p:nvGraphicFramePr>
        <p:xfrm>
          <a:off x="761998" y="3729631"/>
          <a:ext cx="5212080" cy="2560320"/>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2" name="Chart 11">
            <a:extLst>
              <a:ext uri="{FF2B5EF4-FFF2-40B4-BE49-F238E27FC236}">
                <a16:creationId xmlns:a16="http://schemas.microsoft.com/office/drawing/2014/main" id="{13E001A3-05C5-4D35-B05A-08424471D6EF}"/>
              </a:ext>
            </a:extLst>
          </p:cNvPr>
          <p:cNvGraphicFramePr>
            <a:graphicFrameLocks/>
          </p:cNvGraphicFramePr>
          <p:nvPr>
            <p:extLst>
              <p:ext uri="{D42A27DB-BD31-4B8C-83A1-F6EECF244321}">
                <p14:modId xmlns:p14="http://schemas.microsoft.com/office/powerpoint/2010/main" val="1816355797"/>
              </p:ext>
            </p:extLst>
          </p:nvPr>
        </p:nvGraphicFramePr>
        <p:xfrm>
          <a:off x="761998" y="1142310"/>
          <a:ext cx="5212080" cy="2560320"/>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14" name="Chart 13">
            <a:extLst>
              <a:ext uri="{FF2B5EF4-FFF2-40B4-BE49-F238E27FC236}">
                <a16:creationId xmlns:a16="http://schemas.microsoft.com/office/drawing/2014/main" id="{369E70DF-9382-4672-AE3B-AFCB0F30C89B}"/>
              </a:ext>
            </a:extLst>
          </p:cNvPr>
          <p:cNvGraphicFramePr>
            <a:graphicFrameLocks/>
          </p:cNvGraphicFramePr>
          <p:nvPr>
            <p:extLst>
              <p:ext uri="{D42A27DB-BD31-4B8C-83A1-F6EECF244321}">
                <p14:modId xmlns:p14="http://schemas.microsoft.com/office/powerpoint/2010/main" val="2968299198"/>
              </p:ext>
            </p:extLst>
          </p:nvPr>
        </p:nvGraphicFramePr>
        <p:xfrm>
          <a:off x="6095999" y="1142310"/>
          <a:ext cx="5212080" cy="2560320"/>
        </p:xfrm>
        <a:graphic>
          <a:graphicData uri="http://schemas.openxmlformats.org/drawingml/2006/chart">
            <c:chart xmlns:c="http://schemas.openxmlformats.org/drawingml/2006/chart" xmlns:r="http://schemas.openxmlformats.org/officeDocument/2006/relationships" r:id="rId7"/>
          </a:graphicData>
        </a:graphic>
      </p:graphicFrame>
      <p:sp>
        <p:nvSpPr>
          <p:cNvPr id="15" name="Content Placeholder 7">
            <a:extLst>
              <a:ext uri="{FF2B5EF4-FFF2-40B4-BE49-F238E27FC236}">
                <a16:creationId xmlns:a16="http://schemas.microsoft.com/office/drawing/2014/main" id="{E938C8D1-C942-45C2-A280-7DE68D1B12F7}"/>
              </a:ext>
            </a:extLst>
          </p:cNvPr>
          <p:cNvSpPr txBox="1">
            <a:spLocks/>
          </p:cNvSpPr>
          <p:nvPr/>
        </p:nvSpPr>
        <p:spPr>
          <a:xfrm>
            <a:off x="3010009" y="6273024"/>
            <a:ext cx="8402227" cy="127591"/>
          </a:xfrm>
          <a:prstGeom prst="rect">
            <a:avLst/>
          </a:prstGeom>
        </p:spPr>
        <p:txBody>
          <a:bodyPr vert="horz" lIns="0" tIns="0" rIns="0" bIns="0" rtlCol="0">
            <a:noAutofit/>
          </a:bodyPr>
          <a:lstStyle>
            <a:lvl1pPr marL="6879" indent="0" algn="l" defTabSz="990564" rtl="0" eaLnBrk="1" latinLnBrk="0" hangingPunct="1">
              <a:lnSpc>
                <a:spcPct val="110000"/>
              </a:lnSpc>
              <a:spcBef>
                <a:spcPts val="0"/>
              </a:spcBef>
              <a:spcAft>
                <a:spcPts val="433"/>
              </a:spcAft>
              <a:buFont typeface="Arial" panose="020B0604020202020204" pitchFamily="34" charset="0"/>
              <a:buNone/>
              <a:tabLst/>
              <a:defRPr sz="1517" kern="1200">
                <a:solidFill>
                  <a:schemeClr val="tx1"/>
                </a:solidFill>
                <a:latin typeface="+mn-lt"/>
                <a:ea typeface="+mn-ea"/>
                <a:cs typeface="+mn-cs"/>
              </a:defRPr>
            </a:lvl1pPr>
            <a:lvl2pPr marL="373182" indent="-184012" algn="l" defTabSz="990564" rtl="0" eaLnBrk="1" latinLnBrk="0" hangingPunct="1">
              <a:lnSpc>
                <a:spcPct val="110000"/>
              </a:lnSpc>
              <a:spcBef>
                <a:spcPts val="0"/>
              </a:spcBef>
              <a:spcAft>
                <a:spcPts val="433"/>
              </a:spcAft>
              <a:buFont typeface="Courier New" panose="02070309020205020404" pitchFamily="49" charset="0"/>
              <a:buChar char="o"/>
              <a:tabLst/>
              <a:defRPr sz="1300" kern="1200">
                <a:solidFill>
                  <a:schemeClr val="tx1"/>
                </a:solidFill>
                <a:latin typeface="+mn-lt"/>
                <a:ea typeface="+mn-ea"/>
                <a:cs typeface="+mn-cs"/>
              </a:defRPr>
            </a:lvl2pPr>
            <a:lvl3pPr marL="562352" indent="-189170" algn="l" defTabSz="990564" rtl="0" eaLnBrk="1" latinLnBrk="0" hangingPunct="1">
              <a:lnSpc>
                <a:spcPct val="110000"/>
              </a:lnSpc>
              <a:spcBef>
                <a:spcPts val="0"/>
              </a:spcBef>
              <a:spcAft>
                <a:spcPts val="433"/>
              </a:spcAft>
              <a:buFont typeface="Calibri" panose="020F0502020204030204" pitchFamily="34" charset="0"/>
              <a:buChar char="–"/>
              <a:tabLst/>
              <a:defRPr sz="1300" kern="1200">
                <a:solidFill>
                  <a:schemeClr val="tx1"/>
                </a:solidFill>
                <a:latin typeface="+mn-lt"/>
                <a:ea typeface="+mn-ea"/>
                <a:cs typeface="+mn-cs"/>
              </a:defRPr>
            </a:lvl3pPr>
            <a:lvl4pPr marL="746362" indent="-184012" algn="l" defTabSz="990564" rtl="0" eaLnBrk="1" latinLnBrk="0" hangingPunct="1">
              <a:lnSpc>
                <a:spcPct val="110000"/>
              </a:lnSpc>
              <a:spcBef>
                <a:spcPts val="0"/>
              </a:spcBef>
              <a:spcAft>
                <a:spcPts val="433"/>
              </a:spcAft>
              <a:buFont typeface="Arial" panose="020B0604020202020204" pitchFamily="34" charset="0"/>
              <a:buChar char="•"/>
              <a:tabLst/>
              <a:defRPr sz="1083" kern="1200">
                <a:solidFill>
                  <a:schemeClr val="tx1"/>
                </a:solidFill>
                <a:latin typeface="+mn-lt"/>
                <a:ea typeface="+mn-ea"/>
                <a:cs typeface="+mn-cs"/>
              </a:defRPr>
            </a:lvl4pPr>
            <a:lvl5pPr marL="930374" indent="-182291" algn="l" defTabSz="990564" rtl="0" eaLnBrk="1" latinLnBrk="0" hangingPunct="1">
              <a:lnSpc>
                <a:spcPct val="110000"/>
              </a:lnSpc>
              <a:spcBef>
                <a:spcPts val="0"/>
              </a:spcBef>
              <a:spcAft>
                <a:spcPts val="433"/>
              </a:spcAft>
              <a:buFont typeface="Courier New" panose="02070309020205020404" pitchFamily="49" charset="0"/>
              <a:buChar char="o"/>
              <a:tabLst/>
              <a:defRPr sz="1083" kern="1200">
                <a:solidFill>
                  <a:schemeClr val="tx1"/>
                </a:solidFill>
                <a:latin typeface="+mn-lt"/>
                <a:ea typeface="+mn-ea"/>
                <a:cs typeface="+mn-cs"/>
              </a:defRPr>
            </a:lvl5pPr>
            <a:lvl6pPr marL="2724050"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6pPr>
            <a:lvl7pPr marL="3219333"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7pPr>
            <a:lvl8pPr marL="3714614"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8pPr>
            <a:lvl9pPr marL="4209896" indent="-247640" algn="l" defTabSz="990564" rtl="0" eaLnBrk="1" latinLnBrk="0" hangingPunct="1">
              <a:lnSpc>
                <a:spcPct val="90000"/>
              </a:lnSpc>
              <a:spcBef>
                <a:spcPts val="542"/>
              </a:spcBef>
              <a:buFont typeface="Arial" panose="020B0604020202020204" pitchFamily="34" charset="0"/>
              <a:buChar char="•"/>
              <a:defRPr sz="1950" kern="1200">
                <a:solidFill>
                  <a:schemeClr val="tx1"/>
                </a:solidFill>
                <a:latin typeface="+mn-lt"/>
                <a:ea typeface="+mn-ea"/>
                <a:cs typeface="+mn-cs"/>
              </a:defRPr>
            </a:lvl9pPr>
          </a:lstStyle>
          <a:p>
            <a:pPr algn="r"/>
            <a:r>
              <a:rPr lang="en-US" sz="900" i="1"/>
              <a:t>Rates data as of May 5, 2022</a:t>
            </a:r>
          </a:p>
          <a:p>
            <a:pPr algn="r"/>
            <a:endParaRPr lang="en-US" sz="900" b="1" i="1">
              <a:solidFill>
                <a:schemeClr val="accent2"/>
              </a:solidFill>
            </a:endParaRPr>
          </a:p>
        </p:txBody>
      </p:sp>
    </p:spTree>
    <p:custDataLst>
      <p:custData r:id="rId1"/>
      <p:custData r:id="rId2"/>
    </p:custDataLst>
    <p:extLst>
      <p:ext uri="{BB962C8B-B14F-4D97-AF65-F5344CB8AC3E}">
        <p14:creationId xmlns:p14="http://schemas.microsoft.com/office/powerpoint/2010/main" val="27914283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93372743215444"/>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sbalta\AppData\Local\Temp\Templafy\PowerPointVsto\Assets\Defeasance &amp; Prepayment@4x.png"/>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showe\AppData\Local\Temp\Templafy\PowerPointVsto\Assets\Lender loan cash payment transaction.png"/>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sbalta\AppData\Local\Temp\Templafy\PowerPointVsto\Assets\Financial Institutions Bank Counterparty.png"/>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sbalta\AppData\Local\Temp\Templafy\PowerPointVsto\Assets\Defeasance &amp; Prepayment@4x.png"/>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mmoran\AppData\Local\Temp\Templafy\PowerPointVsto\Assets\Optimize optimal.png"/>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mmoran\AppData\Local\Temp\Templafy\PowerPointVsto\Assets\Advisory reporting explain results.png"/>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mmoran\AppData\Local\Temp\Templafy\PowerPointVsto\Assets\Legal scales balance.png"/>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mmoran\AppData\Local\Temp\Templafy\PowerPointVsto\Assets\Interest Rate@4x.png"/>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mmoran\AppData\Local\Temp\Templafy\PowerPointVsto\Assets\Contract document signing.png"/>
</p:tagLst>
</file>

<file path=ppt/tags/tag2.xml><?xml version="1.0" encoding="utf-8"?>
<p:tagLst xmlns:a="http://schemas.openxmlformats.org/drawingml/2006/main" xmlns:r="http://schemas.openxmlformats.org/officeDocument/2006/relationships" xmlns:p="http://schemas.openxmlformats.org/presentationml/2006/main">
  <p:tag name="TEMPLAFYSLIDEID" val="637393372743215565"/>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sbalta\AppData\Local\Temp\Templafy\PowerPointVsto\Assets\Financial Institutions Bank Counterparty.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sbalta\AppData\Local\Temp\Templafy\PowerPointVsto\Assets\Defeasance &amp; Prepayment@4x.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showe\AppData\Local\Temp\Templafy\PowerPointVsto\Assets\Lender loan cash payment transaction.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sbalta\AppData\Local\Temp\Templafy\PowerPointVsto\Assets\Financial Institutions Bank Counterparty.pn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sbalta\AppData\Local\Temp\Templafy\PowerPointVsto\Assets\Defeasance &amp; Prepayment@4x.pn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showe\AppData\Local\Temp\Templafy\PowerPointVsto\Assets\Lender loan cash payment transaction.pn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sbalta\AppData\Local\Temp\Templafy\PowerPointVsto\Assets\Financial Institutions Bank Counterparty.png"/>
</p:tagLst>
</file>

<file path=ppt/theme/theme1.xml><?xml version="1.0" encoding="utf-8"?>
<a:theme xmlns:a="http://schemas.openxmlformats.org/drawingml/2006/main" name="Office Theme">
  <a:themeElements>
    <a:clrScheme name="Custom 29">
      <a:dk1>
        <a:srgbClr val="1F2322"/>
      </a:dk1>
      <a:lt1>
        <a:srgbClr val="FFFFFF"/>
      </a:lt1>
      <a:dk2>
        <a:srgbClr val="004578"/>
      </a:dk2>
      <a:lt2>
        <a:srgbClr val="F1F1F1"/>
      </a:lt2>
      <a:accent1>
        <a:srgbClr val="004578"/>
      </a:accent1>
      <a:accent2>
        <a:srgbClr val="007CBA"/>
      </a:accent2>
      <a:accent3>
        <a:srgbClr val="A3A7AA"/>
      </a:accent3>
      <a:accent4>
        <a:srgbClr val="00AF9C"/>
      </a:accent4>
      <a:accent5>
        <a:srgbClr val="73787C"/>
      </a:accent5>
      <a:accent6>
        <a:srgbClr val="4CB5E6"/>
      </a:accent6>
      <a:hlink>
        <a:srgbClr val="007CBA"/>
      </a:hlink>
      <a:folHlink>
        <a:srgbClr val="007CBA"/>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bg2"/>
        </a:solidFill>
        <a:ln>
          <a:solidFill>
            <a:srgbClr val="E3E3E3"/>
          </a:solidFill>
        </a:ln>
      </a:spPr>
      <a:bodyPr lIns="0" tIns="0" rIns="0" bIns="0" rtlCol="0" anchor="t"/>
      <a:lstStyle>
        <a:defPPr algn="l">
          <a:defRPr sz="1200"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25400">
          <a:solidFill>
            <a:schemeClr val="accent5"/>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defRPr sz="1200" dirty="0" err="1" smtClean="0"/>
        </a:defPPr>
      </a:lstStyle>
    </a:txDef>
  </a:objectDefaults>
  <a:extraClrSchemeLst/>
  <a:extLst>
    <a:ext uri="{05A4C25C-085E-4340-85A3-A5531E510DB2}">
      <thm15:themeFamily xmlns:thm15="http://schemas.microsoft.com/office/thememl/2012/main" name="Chatham-Financial-16x9-Template.potx" id="{9DE8D097-5CF0-415B-AD65-04BF0FEF637F}" vid="{473B9218-794C-4EF2-BF29-7477248D101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Custom 29">
    <a:dk1>
      <a:srgbClr val="1F2322"/>
    </a:dk1>
    <a:lt1>
      <a:srgbClr val="FFFFFF"/>
    </a:lt1>
    <a:dk2>
      <a:srgbClr val="004578"/>
    </a:dk2>
    <a:lt2>
      <a:srgbClr val="F1F1F1"/>
    </a:lt2>
    <a:accent1>
      <a:srgbClr val="004578"/>
    </a:accent1>
    <a:accent2>
      <a:srgbClr val="007CBA"/>
    </a:accent2>
    <a:accent3>
      <a:srgbClr val="A3A7AA"/>
    </a:accent3>
    <a:accent4>
      <a:srgbClr val="00AF9C"/>
    </a:accent4>
    <a:accent5>
      <a:srgbClr val="73787C"/>
    </a:accent5>
    <a:accent6>
      <a:srgbClr val="4CB5E6"/>
    </a:accent6>
    <a:hlink>
      <a:srgbClr val="007CBA"/>
    </a:hlink>
    <a:folHlink>
      <a:srgbClr val="007CBA"/>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3.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4.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5.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6.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7.xml><?xml version="1.0" encoding="utf-8"?>
<a:themeOverride xmlns:a="http://schemas.openxmlformats.org/drawingml/2006/main">
  <a:clrScheme name="ChathamColors">
    <a:dk1>
      <a:srgbClr val="1F2322"/>
    </a:dk1>
    <a:lt1>
      <a:srgbClr val="FFFFFF"/>
    </a:lt1>
    <a:dk2>
      <a:srgbClr val="004578"/>
    </a:dk2>
    <a:lt2>
      <a:srgbClr val="E3E3E3"/>
    </a:lt2>
    <a:accent1>
      <a:srgbClr val="004578"/>
    </a:accent1>
    <a:accent2>
      <a:srgbClr val="007CBA"/>
    </a:accent2>
    <a:accent3>
      <a:srgbClr val="A3A7AA"/>
    </a:accent3>
    <a:accent4>
      <a:srgbClr val="00AF9C"/>
    </a:accent4>
    <a:accent5>
      <a:srgbClr val="73787C"/>
    </a:accent5>
    <a:accent6>
      <a:srgbClr val="4CB5E6"/>
    </a:accent6>
    <a:hlink>
      <a:srgbClr val="007CBA"/>
    </a:hlink>
    <a:folHlink>
      <a:srgbClr val="954F72"/>
    </a:folHlink>
  </a:clrScheme>
  <a:fontScheme name="Cambria-Calibri">
    <a:majorFont>
      <a:latin typeface="Cambria" panose="02040503050406030204"/>
      <a:ea typeface=""/>
      <a:cs typeface=""/>
      <a:font script="Jpan" typeface="ＭＳ Ｐゴシック"/>
      <a:font script="Hang" typeface="맑은 고딕"/>
      <a:font script="Hans" typeface="黑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1,"isValidatorEnabled":false,"isLocked":false,"elementsMetadata":[],"slideId":"637541140857968030","enableDocumentContentUpdater":false,"version":"2.0"}]]></TemplafySlideTemplate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TemplateConfiguration><![CDATA[{"slideVersion":1,"isValidatorEnabled":false,"isLocked":false,"elementsMetadata":[],"slideId":"637824365050847843","enableDocumentContentUpdater":false,"version":"2.0"}]]></TemplafySlideTemplateConfiguration>
</file>

<file path=customXml/item13.xml><?xml version="1.0" encoding="utf-8"?>
<TemplafySlideTemplateConfiguration><![CDATA[{"slideVersion":1,"isValidatorEnabled":false,"isLocked":false,"elementsMetadata":[],"slideId":"637541140857973759","enableDocumentContentUpdater":false,"version":"2.0"}]]></TemplafySlideTemplateConfiguration>
</file>

<file path=customXml/item14.xml><?xml version="1.0" encoding="utf-8"?>
<TemplafySlideFormConfiguration><![CDATA[{"formFields":[],"formDataEntries":[]}]]></TemplafySlideFormConfiguration>
</file>

<file path=customXml/item15.xml><?xml version="1.0" encoding="utf-8"?>
<TemplafyTemplateConfiguration><![CDATA[{"elementsMetadata":[],"transformationConfigurations":[],"templateName":"Chatham-Financial-16x9-Template","templateDescription":"","enableDocumentContentUpdater":false,"version":"2.0"}]]></TemplafyTemplateConfiguration>
</file>

<file path=customXml/item16.xml><?xml version="1.0" encoding="utf-8"?>
<TemplafySlideTemplateConfiguration><![CDATA[{"slideVersion":1,"isValidatorEnabled":false,"isLocked":false,"elementsMetadata":[],"slideId":"637541140857945557","enableDocumentContentUpdater":false,"version":"2.0"}]]></TemplafySlideTemplateConfiguration>
</file>

<file path=customXml/item17.xml><?xml version="1.0" encoding="utf-8"?>
<TemplafySlideTemplateConfiguration><![CDATA[{"slideVersion":1,"isValidatorEnabled":false,"isLocked":false,"elementsMetadata":[],"slideId":"637541140857976290","enableDocumentContentUpdater":false,"version":"2.0"}]]></TemplafySlideTemplate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mso-contentType ?>
<FormTemplates xmlns="http://schemas.microsoft.com/sharepoint/v3/contenttype/forms">
  <Display>DocumentLibraryForm</Display>
  <Edit>DocumentLibraryForm</Edit>
  <New>DocumentLibraryForm</New>
</FormTemplates>
</file>

<file path=customXml/item20.xml><?xml version="1.0" encoding="utf-8"?>
<TemplafySlideFormConfiguration><![CDATA[{"formFields":[],"formDataEntries":[]}]]></TemplafySlideFormConfiguration>
</file>

<file path=customXml/item21.xml><?xml version="1.0" encoding="utf-8"?>
<ct:contentTypeSchema xmlns:ct="http://schemas.microsoft.com/office/2006/metadata/contentType" xmlns:ma="http://schemas.microsoft.com/office/2006/metadata/properties/metaAttributes" ct:_="" ma:_="" ma:contentTypeName="Document" ma:contentTypeID="0x010100DA66B333381CB2489BF4B10EB28AB29B" ma:contentTypeVersion="8" ma:contentTypeDescription="Create a new document." ma:contentTypeScope="" ma:versionID="88f3d71a6f4f2e7354eca45ff4ccec35">
  <xsd:schema xmlns:xsd="http://www.w3.org/2001/XMLSchema" xmlns:xs="http://www.w3.org/2001/XMLSchema" xmlns:p="http://schemas.microsoft.com/office/2006/metadata/properties" xmlns:ns3="596d50cc-2b24-41b2-a9f5-9babbe7e2eb5" xmlns:ns4="f2d3243a-9d34-42f8-8dfb-1e25fe7d7ad1" targetNamespace="http://schemas.microsoft.com/office/2006/metadata/properties" ma:root="true" ma:fieldsID="ae26799932e097b5a1a0cce1a94ae331" ns3:_="" ns4:_="">
    <xsd:import namespace="596d50cc-2b24-41b2-a9f5-9babbe7e2eb5"/>
    <xsd:import namespace="f2d3243a-9d34-42f8-8dfb-1e25fe7d7ad1"/>
    <xsd:element name="properties">
      <xsd:complexType>
        <xsd:sequence>
          <xsd:element name="documentManagement">
            <xsd:complexType>
              <xsd:all>
                <xsd:element ref="ns3:SharedWithUsers" minOccurs="0"/>
                <xsd:element ref="ns3:SharedWithDetails" minOccurs="0"/>
                <xsd:element ref="ns3:SharingHintHash" minOccurs="0"/>
                <xsd:element ref="ns4:MediaServiceMetadata" minOccurs="0"/>
                <xsd:element ref="ns4:MediaServiceFastMetadata" minOccurs="0"/>
                <xsd:element ref="ns4:MediaServiceDateTaken" minOccurs="0"/>
                <xsd:element ref="ns4:MediaLengthInSeconds" minOccurs="0"/>
                <xsd:element ref="ns4:MediaServiceAutoTag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96d50cc-2b24-41b2-a9f5-9babbe7e2eb5"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SharingHintHash" ma:index="10" nillable="true" ma:displayName="Sharing Hint Hash" ma:hidden="true" ma:internalName="SharingHintHash"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f2d3243a-9d34-42f8-8dfb-1e25fe7d7ad1" elementFormDefault="qualified">
    <xsd:import namespace="http://schemas.microsoft.com/office/2006/documentManagement/types"/>
    <xsd:import namespace="http://schemas.microsoft.com/office/infopath/2007/PartnerControls"/>
    <xsd:element name="MediaServiceMetadata" ma:index="11" nillable="true" ma:displayName="MediaServiceMetadata" ma:hidden="true" ma:internalName="MediaServiceMetadata" ma:readOnly="true">
      <xsd:simpleType>
        <xsd:restriction base="dms:Note"/>
      </xsd:simpleType>
    </xsd:element>
    <xsd:element name="MediaServiceFastMetadata" ma:index="12" nillable="true" ma:displayName="MediaServiceFastMetadata" ma:hidden="true" ma:internalName="MediaServiceFastMetadata" ma:readOnly="true">
      <xsd:simpleType>
        <xsd:restriction base="dms:Note"/>
      </xsd:simpleType>
    </xsd:element>
    <xsd:element name="MediaServiceDateTaken" ma:index="13" nillable="true" ma:displayName="MediaServiceDateTaken" ma:hidden="true" ma:internalName="MediaServiceDateTaken" ma:readOnly="true">
      <xsd:simpleType>
        <xsd:restriction base="dms:Text"/>
      </xsd:simpleType>
    </xsd:element>
    <xsd:element name="MediaLengthInSeconds" ma:index="14" nillable="true" ma:displayName="Length (seconds)" ma:internalName="MediaLengthInSeconds" ma:readOnly="true">
      <xsd:simpleType>
        <xsd:restriction base="dms:Unknown"/>
      </xsd:simpleType>
    </xsd:element>
    <xsd:element name="MediaServiceAutoTags" ma:index="15" nillable="true" ma:displayName="Tags" ma:internalName="MediaServiceAutoTags"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2.xml><?xml version="1.0" encoding="utf-8"?>
<TemplafySlideFormConfiguration><![CDATA[{"formFields":[],"formDataEntries":[]}]]></TemplafySlideFormConfiguration>
</file>

<file path=customXml/item23.xml><?xml version="1.0" encoding="utf-8"?>
<TemplafySlideTemplateConfiguration><![CDATA[{"slideVersion":1,"isValidatorEnabled":false,"isLocked":false,"elementsMetadata":[],"slideId":"637824365050743956","enableDocumentContentUpdater":false,"version":"2.0"}]]></TemplafySlideTemplateConfiguration>
</file>

<file path=customXml/item24.xml><?xml version="1.0" encoding="utf-8"?>
<TemplafySlideTemplateConfiguration><![CDATA[{"slideVersion":1,"isValidatorEnabled":false,"isLocked":false,"elementsMetadata":[],"slideId":"637541140857968030","enableDocumentContentUpdater":false,"version":"2.0"}]]></TemplafySlideTemplateConfiguration>
</file>

<file path=customXml/item25.xml><?xml version="1.0" encoding="utf-8"?>
<TemplafySlideFormConfiguration><![CDATA[{"formFields":[],"formDataEntries":[]}]]></TemplafySlideFormConfiguration>
</file>

<file path=customXml/item26.xml><?xml version="1.0" encoding="utf-8"?>
<TemplafySlideFormConfiguration><![CDATA[{"formFields":[],"formDataEntries":[]}]]></TemplafySlideFormConfiguration>
</file>

<file path=customXml/item27.xml><?xml version="1.0" encoding="utf-8"?>
<TemplafyFormConfiguration><![CDATA[{"formFields":[],"formDataEntries":[]}]]></TemplafyFormConfiguration>
</file>

<file path=customXml/item28.xml><?xml version="1.0" encoding="utf-8"?>
<TemplafySlideTemplateConfiguration><![CDATA[{"slideVersion":1,"isValidatorEnabled":false,"isLocked":false,"elementsMetadata":[],"slideId":"637541140857545830","enableDocumentContentUpdater":false,"version":"2.0"}]]></TemplafySlideTemplateConfiguration>
</file>

<file path=customXml/item29.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4.xml><?xml version="1.0" encoding="utf-8"?>
<p:properties xmlns:p="http://schemas.microsoft.com/office/2006/metadata/properties" xmlns:xsi="http://www.w3.org/2001/XMLSchema-instance" xmlns:pc="http://schemas.microsoft.com/office/infopath/2007/PartnerControls">
  <documentManagement/>
</p:properties>
</file>

<file path=customXml/item5.xml><?xml version="1.0" encoding="utf-8"?>
<TemplafySlideTemplateConfiguration><![CDATA[{"slideVersion":1,"isValidatorEnabled":false,"isLocked":false,"elementsMetadata":[],"slideId":"637541140857968030","enableDocumentContentUpdater":false,"version":"2.0"}]]></TemplafySlideTemplateConfiguration>
</file>

<file path=customXml/item6.xml><?xml version="1.0" encoding="utf-8"?>
<TemplafySlideFormConfiguration><![CDATA[{"formFields":[],"formDataEntries":[]}]]></TemplafySlideFormConfiguration>
</file>

<file path=customXml/item7.xml><?xml version="1.0" encoding="utf-8"?>
<TemplafySlideTemplateConfiguration><![CDATA[{"slideVersion":1,"isValidatorEnabled":false,"isLocked":false,"elementsMetadata":[],"slideId":"637541140857970603","enableDocumentContentUpdater":false,"version":"2.0"}]]></TemplafySlideTemplateConfiguration>
</file>

<file path=customXml/item8.xml><?xml version="1.0" encoding="utf-8"?>
<TemplafySlideTemplateConfiguration><![CDATA[{"slideVersion":1,"isValidatorEnabled":false,"isLocked":false,"elementsMetadata":[],"slideId":"637541140857970603","enableDocumentContentUpdater":false,"version":"2.0"}]]></TemplafySlideTemplateConfiguration>
</file>

<file path=customXml/item9.xml><?xml version="1.0" encoding="utf-8"?>
<TemplafySlideTemplateConfiguration><![CDATA[{"slideVersion":1,"isValidatorEnabled":false,"isLocked":false,"elementsMetadata":[],"slideId":"637541140857968030","enableDocumentContentUpdater":false,"version":"2.0"}]]></TemplafySlideTemplateConfiguration>
</file>

<file path=customXml/itemProps1.xml><?xml version="1.0" encoding="utf-8"?>
<ds:datastoreItem xmlns:ds="http://schemas.openxmlformats.org/officeDocument/2006/customXml" ds:itemID="{6EFAF986-D8AB-4B19-A18D-80C68067337E}">
  <ds:schemaRefs/>
</ds:datastoreItem>
</file>

<file path=customXml/itemProps10.xml><?xml version="1.0" encoding="utf-8"?>
<ds:datastoreItem xmlns:ds="http://schemas.openxmlformats.org/officeDocument/2006/customXml" ds:itemID="{A187E550-B165-4C30-81E4-619D9DE14A12}">
  <ds:schemaRefs/>
</ds:datastoreItem>
</file>

<file path=customXml/itemProps11.xml><?xml version="1.0" encoding="utf-8"?>
<ds:datastoreItem xmlns:ds="http://schemas.openxmlformats.org/officeDocument/2006/customXml" ds:itemID="{6B9EC1B9-1E79-4CF7-849B-CE5C6F697E87}">
  <ds:schemaRefs/>
</ds:datastoreItem>
</file>

<file path=customXml/itemProps12.xml><?xml version="1.0" encoding="utf-8"?>
<ds:datastoreItem xmlns:ds="http://schemas.openxmlformats.org/officeDocument/2006/customXml" ds:itemID="{943B7F72-B0CB-479A-8DBF-D819F72AB298}">
  <ds:schemaRefs/>
</ds:datastoreItem>
</file>

<file path=customXml/itemProps13.xml><?xml version="1.0" encoding="utf-8"?>
<ds:datastoreItem xmlns:ds="http://schemas.openxmlformats.org/officeDocument/2006/customXml" ds:itemID="{7D6CBEA6-4313-4933-AA97-3716771D6335}">
  <ds:schemaRefs/>
</ds:datastoreItem>
</file>

<file path=customXml/itemProps14.xml><?xml version="1.0" encoding="utf-8"?>
<ds:datastoreItem xmlns:ds="http://schemas.openxmlformats.org/officeDocument/2006/customXml" ds:itemID="{38D9AB53-5F6D-4691-90E5-DD317F67E627}">
  <ds:schemaRefs/>
</ds:datastoreItem>
</file>

<file path=customXml/itemProps15.xml><?xml version="1.0" encoding="utf-8"?>
<ds:datastoreItem xmlns:ds="http://schemas.openxmlformats.org/officeDocument/2006/customXml" ds:itemID="{1B829114-3003-46A4-9FA3-54EA94DB8137}">
  <ds:schemaRefs/>
</ds:datastoreItem>
</file>

<file path=customXml/itemProps16.xml><?xml version="1.0" encoding="utf-8"?>
<ds:datastoreItem xmlns:ds="http://schemas.openxmlformats.org/officeDocument/2006/customXml" ds:itemID="{0DEC62BB-9535-4CFB-9DE0-C27AEC4E6224}">
  <ds:schemaRefs/>
</ds:datastoreItem>
</file>

<file path=customXml/itemProps17.xml><?xml version="1.0" encoding="utf-8"?>
<ds:datastoreItem xmlns:ds="http://schemas.openxmlformats.org/officeDocument/2006/customXml" ds:itemID="{99089D39-C563-463A-B5D4-66750E06AC54}">
  <ds:schemaRefs/>
</ds:datastoreItem>
</file>

<file path=customXml/itemProps18.xml><?xml version="1.0" encoding="utf-8"?>
<ds:datastoreItem xmlns:ds="http://schemas.openxmlformats.org/officeDocument/2006/customXml" ds:itemID="{218BA75F-DBCA-4224-A027-612A77D1990C}">
  <ds:schemaRefs/>
</ds:datastoreItem>
</file>

<file path=customXml/itemProps19.xml><?xml version="1.0" encoding="utf-8"?>
<ds:datastoreItem xmlns:ds="http://schemas.openxmlformats.org/officeDocument/2006/customXml" ds:itemID="{1B3B16C7-A4F7-4E00-8F8E-730764EB96D6}">
  <ds:schemaRefs/>
</ds:datastoreItem>
</file>

<file path=customXml/itemProps2.xml><?xml version="1.0" encoding="utf-8"?>
<ds:datastoreItem xmlns:ds="http://schemas.openxmlformats.org/officeDocument/2006/customXml" ds:itemID="{9AB01D2E-B750-46C9-BF77-3330110EA67D}">
  <ds:schemaRefs>
    <ds:schemaRef ds:uri="http://schemas.microsoft.com/sharepoint/v3/contenttype/forms"/>
  </ds:schemaRefs>
</ds:datastoreItem>
</file>

<file path=customXml/itemProps20.xml><?xml version="1.0" encoding="utf-8"?>
<ds:datastoreItem xmlns:ds="http://schemas.openxmlformats.org/officeDocument/2006/customXml" ds:itemID="{F038BF84-1DF0-4A74-A7A5-A0B8C24FC101}">
  <ds:schemaRefs/>
</ds:datastoreItem>
</file>

<file path=customXml/itemProps21.xml><?xml version="1.0" encoding="utf-8"?>
<ds:datastoreItem xmlns:ds="http://schemas.openxmlformats.org/officeDocument/2006/customXml" ds:itemID="{39EAC57A-6166-4202-9DF5-1C6039220E35}">
  <ds:schemaRefs>
    <ds:schemaRef ds:uri="596d50cc-2b24-41b2-a9f5-9babbe7e2eb5"/>
    <ds:schemaRef ds:uri="f2d3243a-9d34-42f8-8dfb-1e25fe7d7ad1"/>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2.xml><?xml version="1.0" encoding="utf-8"?>
<ds:datastoreItem xmlns:ds="http://schemas.openxmlformats.org/officeDocument/2006/customXml" ds:itemID="{B8160C5F-B2C1-4743-A2C7-157CD45305B2}">
  <ds:schemaRefs/>
</ds:datastoreItem>
</file>

<file path=customXml/itemProps23.xml><?xml version="1.0" encoding="utf-8"?>
<ds:datastoreItem xmlns:ds="http://schemas.openxmlformats.org/officeDocument/2006/customXml" ds:itemID="{9D786658-68D2-434D-B5C9-86E21A49B8C5}">
  <ds:schemaRefs/>
</ds:datastoreItem>
</file>

<file path=customXml/itemProps24.xml><?xml version="1.0" encoding="utf-8"?>
<ds:datastoreItem xmlns:ds="http://schemas.openxmlformats.org/officeDocument/2006/customXml" ds:itemID="{E43024B2-019D-45D2-B2B3-1520F8ED05A1}">
  <ds:schemaRefs/>
</ds:datastoreItem>
</file>

<file path=customXml/itemProps25.xml><?xml version="1.0" encoding="utf-8"?>
<ds:datastoreItem xmlns:ds="http://schemas.openxmlformats.org/officeDocument/2006/customXml" ds:itemID="{D0F920E5-615C-485F-91C3-18F04199A513}">
  <ds:schemaRefs/>
</ds:datastoreItem>
</file>

<file path=customXml/itemProps26.xml><?xml version="1.0" encoding="utf-8"?>
<ds:datastoreItem xmlns:ds="http://schemas.openxmlformats.org/officeDocument/2006/customXml" ds:itemID="{7E282426-9FC3-4772-8894-A68988941C2E}">
  <ds:schemaRefs/>
</ds:datastoreItem>
</file>

<file path=customXml/itemProps27.xml><?xml version="1.0" encoding="utf-8"?>
<ds:datastoreItem xmlns:ds="http://schemas.openxmlformats.org/officeDocument/2006/customXml" ds:itemID="{67D4C384-2B43-4845-BE05-C3B1B9B314CD}">
  <ds:schemaRefs/>
</ds:datastoreItem>
</file>

<file path=customXml/itemProps28.xml><?xml version="1.0" encoding="utf-8"?>
<ds:datastoreItem xmlns:ds="http://schemas.openxmlformats.org/officeDocument/2006/customXml" ds:itemID="{F901979A-E5BF-4553-A553-1290AF9FE5E5}">
  <ds:schemaRefs/>
</ds:datastoreItem>
</file>

<file path=customXml/itemProps29.xml><?xml version="1.0" encoding="utf-8"?>
<ds:datastoreItem xmlns:ds="http://schemas.openxmlformats.org/officeDocument/2006/customXml" ds:itemID="{DEF566FD-9029-49B4-B39C-1692C98971AA}">
  <ds:schemaRefs/>
</ds:datastoreItem>
</file>

<file path=customXml/itemProps3.xml><?xml version="1.0" encoding="utf-8"?>
<ds:datastoreItem xmlns:ds="http://schemas.openxmlformats.org/officeDocument/2006/customXml" ds:itemID="{694ECE9D-B3C9-473B-A178-C975DB29BD2E}">
  <ds:schemaRefs/>
</ds:datastoreItem>
</file>

<file path=customXml/itemProps4.xml><?xml version="1.0" encoding="utf-8"?>
<ds:datastoreItem xmlns:ds="http://schemas.openxmlformats.org/officeDocument/2006/customXml" ds:itemID="{ACF2433A-D102-4C26-B98C-848DF2D85D3A}">
  <ds:schemaRefs>
    <ds:schemaRef ds:uri="596d50cc-2b24-41b2-a9f5-9babbe7e2eb5"/>
    <ds:schemaRef ds:uri="http://www.w3.org/XML/1998/namespace"/>
    <ds:schemaRef ds:uri="http://purl.org/dc/terms/"/>
    <ds:schemaRef ds:uri="http://purl.org/dc/elements/1.1/"/>
    <ds:schemaRef ds:uri="http://schemas.openxmlformats.org/package/2006/metadata/core-properties"/>
    <ds:schemaRef ds:uri="f2d3243a-9d34-42f8-8dfb-1e25fe7d7ad1"/>
    <ds:schemaRef ds:uri="http://schemas.microsoft.com/office/2006/documentManagement/types"/>
    <ds:schemaRef ds:uri="http://purl.org/dc/dcmitype/"/>
    <ds:schemaRef ds:uri="http://schemas.microsoft.com/office/2006/metadata/properties"/>
    <ds:schemaRef ds:uri="http://schemas.microsoft.com/office/infopath/2007/PartnerControls"/>
  </ds:schemaRefs>
</ds:datastoreItem>
</file>

<file path=customXml/itemProps5.xml><?xml version="1.0" encoding="utf-8"?>
<ds:datastoreItem xmlns:ds="http://schemas.openxmlformats.org/officeDocument/2006/customXml" ds:itemID="{06B96009-3F83-4B29-9F55-FCF429ADF2AD}">
  <ds:schemaRefs/>
</ds:datastoreItem>
</file>

<file path=customXml/itemProps6.xml><?xml version="1.0" encoding="utf-8"?>
<ds:datastoreItem xmlns:ds="http://schemas.openxmlformats.org/officeDocument/2006/customXml" ds:itemID="{8ECFA571-56B9-4A25-B9FA-877F75382FD4}">
  <ds:schemaRefs/>
</ds:datastoreItem>
</file>

<file path=customXml/itemProps7.xml><?xml version="1.0" encoding="utf-8"?>
<ds:datastoreItem xmlns:ds="http://schemas.openxmlformats.org/officeDocument/2006/customXml" ds:itemID="{4EB45505-A8F0-4038-800F-CDDE0560E785}">
  <ds:schemaRefs/>
</ds:datastoreItem>
</file>

<file path=customXml/itemProps8.xml><?xml version="1.0" encoding="utf-8"?>
<ds:datastoreItem xmlns:ds="http://schemas.openxmlformats.org/officeDocument/2006/customXml" ds:itemID="{73598A7F-DAC0-422C-B941-B846A333EDF5}">
  <ds:schemaRefs/>
</ds:datastoreItem>
</file>

<file path=customXml/itemProps9.xml><?xml version="1.0" encoding="utf-8"?>
<ds:datastoreItem xmlns:ds="http://schemas.openxmlformats.org/officeDocument/2006/customXml" ds:itemID="{B021040C-E928-4137-BEC3-9158608DE89A}">
  <ds:schemaRefs/>
</ds:datastoreItem>
</file>

<file path=docProps/app.xml><?xml version="1.0" encoding="utf-8"?>
<Properties xmlns="http://schemas.openxmlformats.org/officeDocument/2006/extended-properties" xmlns:vt="http://schemas.openxmlformats.org/officeDocument/2006/docPropsVTypes">
  <Template>Chatham-Financial-16x9-Template</Template>
  <TotalTime>2</TotalTime>
  <Words>2913</Words>
  <Application>Microsoft Office PowerPoint</Application>
  <PresentationFormat>Widescreen</PresentationFormat>
  <Paragraphs>709</Paragraphs>
  <Slides>31</Slides>
  <Notes>4</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31</vt:i4>
      </vt:variant>
    </vt:vector>
  </HeadingPairs>
  <TitlesOfParts>
    <vt:vector size="36" baseType="lpstr">
      <vt:lpstr>Arial</vt:lpstr>
      <vt:lpstr>Calibri</vt:lpstr>
      <vt:lpstr>Courier New</vt:lpstr>
      <vt:lpstr>Wingdings</vt:lpstr>
      <vt:lpstr>Office Theme</vt:lpstr>
      <vt:lpstr>Inflation, rate hikes, volatility: Managing interest rate risk in 2022</vt:lpstr>
      <vt:lpstr>Learning Objectives</vt:lpstr>
      <vt:lpstr>Disclaimer</vt:lpstr>
      <vt:lpstr>Today’s speaker</vt:lpstr>
      <vt:lpstr>Chatham overview</vt:lpstr>
      <vt:lpstr>Access advantage</vt:lpstr>
      <vt:lpstr>Agenda</vt:lpstr>
      <vt:lpstr>Market update</vt:lpstr>
      <vt:lpstr>Market update: Interest rates</vt:lpstr>
      <vt:lpstr>Market update: Interest rates</vt:lpstr>
      <vt:lpstr>PowerPoint Presentation</vt:lpstr>
      <vt:lpstr>Interest rate swaps</vt:lpstr>
      <vt:lpstr>Interest rate swaps</vt:lpstr>
      <vt:lpstr>Interest rate caps</vt:lpstr>
      <vt:lpstr>Interest rate caps</vt:lpstr>
      <vt:lpstr>Interest rate collars</vt:lpstr>
      <vt:lpstr>Interest rate collars</vt:lpstr>
      <vt:lpstr>PowerPoint Presentation</vt:lpstr>
      <vt:lpstr>Pre-issuance hedging</vt:lpstr>
      <vt:lpstr>Receive-fixed swaps</vt:lpstr>
      <vt:lpstr>PowerPoint Presentation</vt:lpstr>
      <vt:lpstr>LIBOR - SOFR transition</vt:lpstr>
      <vt:lpstr>LIBOR – SOFR transition</vt:lpstr>
      <vt:lpstr>LIBOR – SOFR transition</vt:lpstr>
      <vt:lpstr>PowerPoint Presentation</vt:lpstr>
      <vt:lpstr>Interest expense analysis: Model assumptions</vt:lpstr>
      <vt:lpstr>Interest rate curves</vt:lpstr>
      <vt:lpstr>Interest expense scenarios</vt:lpstr>
      <vt:lpstr>Case study: Mitigating interest rate risk and optimizing hedge execu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ayneel Jadeja</dc:creator>
  <cp:lastModifiedBy>Denise Bauwens</cp:lastModifiedBy>
  <cp:revision>2</cp:revision>
  <cp:lastPrinted>2022-05-06T21:19:17Z</cp:lastPrinted>
  <dcterms:created xsi:type="dcterms:W3CDTF">2022-05-05T19:55:36Z</dcterms:created>
  <dcterms:modified xsi:type="dcterms:W3CDTF">2022-05-09T14:08:2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1-04-15T20:08:05</vt:lpwstr>
  </property>
  <property fmtid="{D5CDD505-2E9C-101B-9397-08002B2CF9AE}" pid="3" name="TemplafyTenantId">
    <vt:lpwstr>chathamfinancial</vt:lpwstr>
  </property>
  <property fmtid="{D5CDD505-2E9C-101B-9397-08002B2CF9AE}" pid="4" name="TemplafyTemplateId">
    <vt:lpwstr>637541140837498498</vt:lpwstr>
  </property>
  <property fmtid="{D5CDD505-2E9C-101B-9397-08002B2CF9AE}" pid="5" name="TemplafyUserProfileId">
    <vt:lpwstr>637431041378428155</vt:lpwstr>
  </property>
  <property fmtid="{D5CDD505-2E9C-101B-9397-08002B2CF9AE}" pid="6" name="TemplafyFromBlank">
    <vt:bool>true</vt:bool>
  </property>
  <property fmtid="{D5CDD505-2E9C-101B-9397-08002B2CF9AE}" pid="7" name="ContentTypeId">
    <vt:lpwstr>0x010100DA66B333381CB2489BF4B10EB28AB29B</vt:lpwstr>
  </property>
</Properties>
</file>